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2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  <p:sldMasterId id="2147483783" r:id="rId4"/>
  </p:sldMasterIdLst>
  <p:notesMasterIdLst>
    <p:notesMasterId r:id="rId7"/>
  </p:notesMasterIdLst>
  <p:handoutMasterIdLst>
    <p:handoutMasterId r:id="rId8"/>
  </p:handoutMasterIdLst>
  <p:sldIdLst>
    <p:sldId id="283" r:id="rId5"/>
    <p:sldId id="284" r:id="rId6"/>
  </p:sldIdLst>
  <p:sldSz cx="12192000" cy="6858000"/>
  <p:notesSz cx="6819900" cy="99187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orient="horz" pos="2160">
          <p15:clr>
            <a:srgbClr val="A4A3A4"/>
          </p15:clr>
        </p15:guide>
        <p15:guide id="3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32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8C27"/>
    <a:srgbClr val="1B74B2"/>
    <a:srgbClr val="95BEDB"/>
    <a:srgbClr val="6CA6CD"/>
    <a:srgbClr val="4A66AC"/>
    <a:srgbClr val="297FD5"/>
    <a:srgbClr val="629DD1"/>
    <a:srgbClr val="4472C4"/>
    <a:srgbClr val="E8BCEE"/>
    <a:srgbClr val="CC66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0488" autoAdjust="0"/>
    <p:restoredTop sz="80630" autoAdjust="0"/>
  </p:normalViewPr>
  <p:slideViewPr>
    <p:cSldViewPr snapToGrid="0" showGuides="1">
      <p:cViewPr varScale="1">
        <p:scale>
          <a:sx n="56" d="100"/>
          <a:sy n="56" d="100"/>
        </p:scale>
        <p:origin x="1482" y="72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-579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3" d="100"/>
          <a:sy n="93" d="100"/>
        </p:scale>
        <p:origin x="318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handoutMaster" Target="handoutMasters/handoutMaster1.xml"/><Relationship Id="rId13" Type="http://schemas.openxmlformats.org/officeDocument/2006/relationships/tableStyles" Target="tableStyles.xml"/><Relationship Id="rId3" Type="http://schemas.openxmlformats.org/officeDocument/2006/relationships/slideMaster" Target="slideMasters/slideMaster1.xml"/><Relationship Id="rId7" Type="http://schemas.openxmlformats.org/officeDocument/2006/relationships/notesMaster" Target="notesMasters/notesMaster1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2.xml"/><Relationship Id="rId11" Type="http://schemas.openxmlformats.org/officeDocument/2006/relationships/viewProps" Target="viewProps.xml"/><Relationship Id="rId5" Type="http://schemas.openxmlformats.org/officeDocument/2006/relationships/slide" Target="slides/slide1.xml"/><Relationship Id="rId10" Type="http://schemas.openxmlformats.org/officeDocument/2006/relationships/presProps" Target="presProps.xml"/><Relationship Id="rId4" Type="http://schemas.openxmlformats.org/officeDocument/2006/relationships/slideMaster" Target="slideMasters/slideMaster2.xml"/><Relationship Id="rId9" Type="http://schemas.openxmlformats.org/officeDocument/2006/relationships/commentAuthors" Target="commentAuthors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file:///C:\Users\kebaabetswe.tlhoaele\Downloads\PGDip_model_results_KT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oleObject" Target="file:///C:\Users\kebaabetswe.tlhoaele\Downloads\PGDip_model_results_KT.xlsx" TargetMode="External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/>
              <a:t>k-Nearest Neighbour: Accuracy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'NewResults_End)'!$B$3</c:f>
              <c:strCache>
                <c:ptCount val="1"/>
                <c:pt idx="0">
                  <c:v>Control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numRef>
              <c:f>'NewResults_End)'!$A$27:$A$29</c:f>
              <c:numCache>
                <c:formatCode>0%</c:formatCode>
                <c:ptCount val="3"/>
                <c:pt idx="0">
                  <c:v>0.1</c:v>
                </c:pt>
                <c:pt idx="1">
                  <c:v>0.4</c:v>
                </c:pt>
                <c:pt idx="2">
                  <c:v>0.7</c:v>
                </c:pt>
              </c:numCache>
            </c:numRef>
          </c:cat>
          <c:val>
            <c:numRef>
              <c:f>'NewResults_End)'!$B$27:$B$29</c:f>
              <c:numCache>
                <c:formatCode>0%</c:formatCode>
                <c:ptCount val="3"/>
                <c:pt idx="0">
                  <c:v>0.95</c:v>
                </c:pt>
                <c:pt idx="1">
                  <c:v>0.95</c:v>
                </c:pt>
                <c:pt idx="2">
                  <c:v>0.9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8843-4671-96C6-7A01EFC92599}"/>
            </c:ext>
          </c:extLst>
        </c:ser>
        <c:ser>
          <c:idx val="1"/>
          <c:order val="1"/>
          <c:tx>
            <c:strRef>
              <c:f>'NewResults_End)'!$C$3</c:f>
              <c:strCache>
                <c:ptCount val="1"/>
                <c:pt idx="0">
                  <c:v>Mode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numRef>
              <c:f>'NewResults_End)'!$A$27:$A$29</c:f>
              <c:numCache>
                <c:formatCode>0%</c:formatCode>
                <c:ptCount val="3"/>
                <c:pt idx="0">
                  <c:v>0.1</c:v>
                </c:pt>
                <c:pt idx="1">
                  <c:v>0.4</c:v>
                </c:pt>
                <c:pt idx="2">
                  <c:v>0.7</c:v>
                </c:pt>
              </c:numCache>
            </c:numRef>
          </c:cat>
          <c:val>
            <c:numRef>
              <c:f>'NewResults_End)'!$C$27:$C$29</c:f>
              <c:numCache>
                <c:formatCode>0%</c:formatCode>
                <c:ptCount val="3"/>
                <c:pt idx="0">
                  <c:v>0.84</c:v>
                </c:pt>
                <c:pt idx="1">
                  <c:v>0.49</c:v>
                </c:pt>
                <c:pt idx="2">
                  <c:v>0.3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8843-4671-96C6-7A01EFC92599}"/>
            </c:ext>
          </c:extLst>
        </c:ser>
        <c:ser>
          <c:idx val="2"/>
          <c:order val="2"/>
          <c:tx>
            <c:strRef>
              <c:f>'NewResults_End)'!$D$3</c:f>
              <c:strCache>
                <c:ptCount val="1"/>
                <c:pt idx="0">
                  <c:v>Naïve Bayes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numRef>
              <c:f>'NewResults_End)'!$A$27:$A$29</c:f>
              <c:numCache>
                <c:formatCode>0%</c:formatCode>
                <c:ptCount val="3"/>
                <c:pt idx="0">
                  <c:v>0.1</c:v>
                </c:pt>
                <c:pt idx="1">
                  <c:v>0.4</c:v>
                </c:pt>
                <c:pt idx="2">
                  <c:v>0.7</c:v>
                </c:pt>
              </c:numCache>
            </c:numRef>
          </c:cat>
          <c:val>
            <c:numRef>
              <c:f>'NewResults_End)'!$D$27:$D$29</c:f>
              <c:numCache>
                <c:formatCode>0%</c:formatCode>
                <c:ptCount val="3"/>
                <c:pt idx="0">
                  <c:v>0.91</c:v>
                </c:pt>
                <c:pt idx="1">
                  <c:v>0.82</c:v>
                </c:pt>
                <c:pt idx="2">
                  <c:v>0.5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8843-4671-96C6-7A01EFC9259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axId val="397713664"/>
        <c:axId val="397715392"/>
      </c:barChart>
      <c:catAx>
        <c:axId val="397713664"/>
        <c:scaling>
          <c:orientation val="minMax"/>
        </c:scaling>
        <c:delete val="0"/>
        <c:axPos val="b"/>
        <c:title>
          <c:tx>
            <c:rich>
              <a:bodyPr rot="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/>
                  <a:t>Proportion of Missing Values Imputed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0%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397715392"/>
        <c:crosses val="autoZero"/>
        <c:auto val="1"/>
        <c:lblAlgn val="ctr"/>
        <c:lblOffset val="100"/>
        <c:noMultiLvlLbl val="0"/>
      </c:catAx>
      <c:valAx>
        <c:axId val="39771539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/>
                  <a:t>Calculated</a:t>
                </a:r>
                <a:r>
                  <a:rPr lang="en-GB" baseline="0"/>
                  <a:t> Accuracy</a:t>
                </a:r>
                <a:endParaRPr lang="en-GB"/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0%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397713664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r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/>
              <a:t>k-Nearest Neighbour: F1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'NewResults_End)'!$N$3</c:f>
              <c:strCache>
                <c:ptCount val="1"/>
                <c:pt idx="0">
                  <c:v>Control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numRef>
              <c:f>'NewResults_End)'!$A$27:$A$29</c:f>
              <c:numCache>
                <c:formatCode>0%</c:formatCode>
                <c:ptCount val="3"/>
                <c:pt idx="0">
                  <c:v>0.1</c:v>
                </c:pt>
                <c:pt idx="1">
                  <c:v>0.4</c:v>
                </c:pt>
                <c:pt idx="2">
                  <c:v>0.7</c:v>
                </c:pt>
              </c:numCache>
            </c:numRef>
          </c:cat>
          <c:val>
            <c:numRef>
              <c:f>'NewResults_End)'!$N$27:$N$29</c:f>
              <c:numCache>
                <c:formatCode>0%</c:formatCode>
                <c:ptCount val="3"/>
                <c:pt idx="0">
                  <c:v>0.94</c:v>
                </c:pt>
                <c:pt idx="1">
                  <c:v>0.94</c:v>
                </c:pt>
                <c:pt idx="2">
                  <c:v>0.9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69EC-44E3-B277-0074BEED2E67}"/>
            </c:ext>
          </c:extLst>
        </c:ser>
        <c:ser>
          <c:idx val="1"/>
          <c:order val="1"/>
          <c:tx>
            <c:strRef>
              <c:f>'NewResults_End)'!$O$3</c:f>
              <c:strCache>
                <c:ptCount val="1"/>
                <c:pt idx="0">
                  <c:v>Mode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numRef>
              <c:f>'NewResults_End)'!$A$27:$A$29</c:f>
              <c:numCache>
                <c:formatCode>0%</c:formatCode>
                <c:ptCount val="3"/>
                <c:pt idx="0">
                  <c:v>0.1</c:v>
                </c:pt>
                <c:pt idx="1">
                  <c:v>0.4</c:v>
                </c:pt>
                <c:pt idx="2">
                  <c:v>0.7</c:v>
                </c:pt>
              </c:numCache>
            </c:numRef>
          </c:cat>
          <c:val>
            <c:numRef>
              <c:f>'NewResults_End)'!$O$27:$O$29</c:f>
              <c:numCache>
                <c:formatCode>0%</c:formatCode>
                <c:ptCount val="3"/>
                <c:pt idx="0">
                  <c:v>0.82</c:v>
                </c:pt>
                <c:pt idx="1">
                  <c:v>0.44</c:v>
                </c:pt>
                <c:pt idx="2">
                  <c:v>0.2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69EC-44E3-B277-0074BEED2E67}"/>
            </c:ext>
          </c:extLst>
        </c:ser>
        <c:ser>
          <c:idx val="2"/>
          <c:order val="2"/>
          <c:tx>
            <c:strRef>
              <c:f>'NewResults_End)'!$P$3</c:f>
              <c:strCache>
                <c:ptCount val="1"/>
                <c:pt idx="0">
                  <c:v>Naïve Bayes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numRef>
              <c:f>'NewResults_End)'!$A$27:$A$29</c:f>
              <c:numCache>
                <c:formatCode>0%</c:formatCode>
                <c:ptCount val="3"/>
                <c:pt idx="0">
                  <c:v>0.1</c:v>
                </c:pt>
                <c:pt idx="1">
                  <c:v>0.4</c:v>
                </c:pt>
                <c:pt idx="2">
                  <c:v>0.7</c:v>
                </c:pt>
              </c:numCache>
            </c:numRef>
          </c:cat>
          <c:val>
            <c:numRef>
              <c:f>'NewResults_End)'!$P$27:$P$29</c:f>
              <c:numCache>
                <c:formatCode>0%</c:formatCode>
                <c:ptCount val="3"/>
                <c:pt idx="0">
                  <c:v>0.9</c:v>
                </c:pt>
                <c:pt idx="1">
                  <c:v>0.81</c:v>
                </c:pt>
                <c:pt idx="2">
                  <c:v>0.5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69EC-44E3-B277-0074BEED2E6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axId val="397713664"/>
        <c:axId val="397715392"/>
      </c:barChart>
      <c:catAx>
        <c:axId val="397713664"/>
        <c:scaling>
          <c:orientation val="minMax"/>
        </c:scaling>
        <c:delete val="0"/>
        <c:axPos val="b"/>
        <c:title>
          <c:tx>
            <c:rich>
              <a:bodyPr rot="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/>
                  <a:t>Proportion of Missing Values Imputed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0%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397715392"/>
        <c:crosses val="autoZero"/>
        <c:auto val="1"/>
        <c:lblAlgn val="ctr"/>
        <c:lblOffset val="100"/>
        <c:noMultiLvlLbl val="0"/>
      </c:catAx>
      <c:valAx>
        <c:axId val="39771539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en-GB"/>
                  <a:t>Calculated</a:t>
                </a:r>
                <a:r>
                  <a:rPr lang="en-GB" baseline="0"/>
                  <a:t> Accuracy</a:t>
                </a:r>
                <a:endParaRPr lang="en-GB"/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0%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397713664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r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54DDF439-10FF-40BC-8612-EBE211E0DAA8}" type="doc">
      <dgm:prSet loTypeId="urn:microsoft.com/office/officeart/2005/8/layout/hierarchy5" loCatId="hierarchy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ZA"/>
        </a:p>
      </dgm:t>
    </dgm:pt>
    <dgm:pt modelId="{77059FDB-0595-4162-9C07-B65F853B5E46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Nursery Dataset</a:t>
          </a:r>
          <a:endParaRPr lang="en-ZA" dirty="0"/>
        </a:p>
      </dgm:t>
    </dgm:pt>
    <dgm:pt modelId="{415D1432-DD91-45D0-B119-C4E9DFABE309}" type="parTrans" cxnId="{16046728-0C61-4B90-A5D7-2731929148BD}">
      <dgm:prSet/>
      <dgm:spPr/>
      <dgm:t>
        <a:bodyPr/>
        <a:lstStyle/>
        <a:p>
          <a:endParaRPr lang="en-ZA"/>
        </a:p>
      </dgm:t>
    </dgm:pt>
    <dgm:pt modelId="{45BA592F-1ABB-44EF-8807-8A6A24B5873C}" type="sibTrans" cxnId="{16046728-0C61-4B90-A5D7-2731929148BD}">
      <dgm:prSet/>
      <dgm:spPr/>
      <dgm:t>
        <a:bodyPr/>
        <a:lstStyle/>
        <a:p>
          <a:endParaRPr lang="en-ZA"/>
        </a:p>
      </dgm:t>
    </dgm:pt>
    <dgm:pt modelId="{8D073FB6-8CD1-49BC-B71C-1770D1789B42}">
      <dgm:prSet phldrT="[Text]"/>
      <dgm:spPr>
        <a:solidFill>
          <a:srgbClr val="1B74B2"/>
        </a:solidFill>
      </dgm:spPr>
      <dgm:t>
        <a:bodyPr/>
        <a:lstStyle/>
        <a:p>
          <a:r>
            <a:rPr lang="en-US" dirty="0"/>
            <a:t>Base Train</a:t>
          </a:r>
          <a:endParaRPr lang="en-ZA" dirty="0"/>
        </a:p>
      </dgm:t>
    </dgm:pt>
    <dgm:pt modelId="{F1E6DA9D-3E15-4268-8109-0694AC77DA5E}" type="parTrans" cxnId="{70FDD64F-70E8-4505-AB86-15BF75673666}">
      <dgm:prSet/>
      <dgm:spPr/>
      <dgm:t>
        <a:bodyPr/>
        <a:lstStyle/>
        <a:p>
          <a:endParaRPr lang="en-ZA"/>
        </a:p>
      </dgm:t>
    </dgm:pt>
    <dgm:pt modelId="{87BFA7EC-E0C3-4BD1-8163-0AD976CD5A40}" type="sibTrans" cxnId="{70FDD64F-70E8-4505-AB86-15BF75673666}">
      <dgm:prSet/>
      <dgm:spPr/>
      <dgm:t>
        <a:bodyPr/>
        <a:lstStyle/>
        <a:p>
          <a:endParaRPr lang="en-ZA"/>
        </a:p>
      </dgm:t>
    </dgm:pt>
    <dgm:pt modelId="{5B32A6E6-86EC-4925-ABC0-1837794A5CE7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10% missing values</a:t>
          </a:r>
          <a:endParaRPr lang="en-ZA" dirty="0"/>
        </a:p>
      </dgm:t>
    </dgm:pt>
    <dgm:pt modelId="{E07F651A-D1B7-47C8-8D0F-ABF9B05A64E0}" type="parTrans" cxnId="{4AD33E3D-24A6-4495-90F6-E166EDEF8D25}">
      <dgm:prSet/>
      <dgm:spPr/>
      <dgm:t>
        <a:bodyPr/>
        <a:lstStyle/>
        <a:p>
          <a:endParaRPr lang="en-ZA"/>
        </a:p>
      </dgm:t>
    </dgm:pt>
    <dgm:pt modelId="{12B001EC-8117-479E-A1FB-8CDADF5224F0}" type="sibTrans" cxnId="{4AD33E3D-24A6-4495-90F6-E166EDEF8D25}">
      <dgm:prSet/>
      <dgm:spPr/>
      <dgm:t>
        <a:bodyPr/>
        <a:lstStyle/>
        <a:p>
          <a:endParaRPr lang="en-ZA"/>
        </a:p>
      </dgm:t>
    </dgm:pt>
    <dgm:pt modelId="{4DD9407C-460B-4D1E-95F3-7DC7B944C0AB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40% missing values</a:t>
          </a:r>
          <a:endParaRPr lang="en-ZA" dirty="0"/>
        </a:p>
      </dgm:t>
    </dgm:pt>
    <dgm:pt modelId="{FF70D626-FA02-4265-9FA3-60B43DFF9C51}" type="parTrans" cxnId="{682DFE28-0FCC-4176-96DB-577CC175A24D}">
      <dgm:prSet/>
      <dgm:spPr/>
      <dgm:t>
        <a:bodyPr/>
        <a:lstStyle/>
        <a:p>
          <a:endParaRPr lang="en-ZA"/>
        </a:p>
      </dgm:t>
    </dgm:pt>
    <dgm:pt modelId="{04DFF077-7CFF-4DFB-A2B1-C8B985AD7370}" type="sibTrans" cxnId="{682DFE28-0FCC-4176-96DB-577CC175A24D}">
      <dgm:prSet/>
      <dgm:spPr/>
      <dgm:t>
        <a:bodyPr/>
        <a:lstStyle/>
        <a:p>
          <a:endParaRPr lang="en-ZA"/>
        </a:p>
      </dgm:t>
    </dgm:pt>
    <dgm:pt modelId="{E03D74C0-F370-4DDD-8E85-5A4107D020A4}">
      <dgm:prSet phldrT="[Text]"/>
      <dgm:spPr>
        <a:solidFill>
          <a:srgbClr val="FF8C27"/>
        </a:solidFill>
      </dgm:spPr>
      <dgm:t>
        <a:bodyPr/>
        <a:lstStyle/>
        <a:p>
          <a:r>
            <a:rPr lang="en-US" dirty="0"/>
            <a:t>Base Test</a:t>
          </a:r>
          <a:endParaRPr lang="en-ZA" dirty="0"/>
        </a:p>
      </dgm:t>
    </dgm:pt>
    <dgm:pt modelId="{8CEFA627-3A9A-44DB-84B5-5D9E32DA9D96}" type="parTrans" cxnId="{8F4594AC-75BF-437C-9BB3-62FD6AF10E55}">
      <dgm:prSet/>
      <dgm:spPr/>
      <dgm:t>
        <a:bodyPr/>
        <a:lstStyle/>
        <a:p>
          <a:endParaRPr lang="en-ZA"/>
        </a:p>
      </dgm:t>
    </dgm:pt>
    <dgm:pt modelId="{F93495B0-6401-4C88-BCA0-CA07D3CBCB88}" type="sibTrans" cxnId="{8F4594AC-75BF-437C-9BB3-62FD6AF10E55}">
      <dgm:prSet/>
      <dgm:spPr/>
      <dgm:t>
        <a:bodyPr/>
        <a:lstStyle/>
        <a:p>
          <a:endParaRPr lang="en-ZA"/>
        </a:p>
      </dgm:t>
    </dgm:pt>
    <dgm:pt modelId="{A348CCD9-BAD3-4676-8FC1-A9B8275D5933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70% Missing Values</a:t>
          </a:r>
          <a:endParaRPr lang="en-ZA" dirty="0"/>
        </a:p>
      </dgm:t>
    </dgm:pt>
    <dgm:pt modelId="{C09ACD5B-BEEB-4F24-A419-1BA821DD4245}" type="parTrans" cxnId="{EDAF4AC3-A523-4C38-ABC2-5224EC794083}">
      <dgm:prSet/>
      <dgm:spPr/>
      <dgm:t>
        <a:bodyPr/>
        <a:lstStyle/>
        <a:p>
          <a:endParaRPr lang="en-ZA"/>
        </a:p>
      </dgm:t>
    </dgm:pt>
    <dgm:pt modelId="{D1038C94-65A5-43F1-A638-B4164B4E8EDB}" type="sibTrans" cxnId="{EDAF4AC3-A523-4C38-ABC2-5224EC794083}">
      <dgm:prSet/>
      <dgm:spPr/>
      <dgm:t>
        <a:bodyPr/>
        <a:lstStyle/>
        <a:p>
          <a:endParaRPr lang="en-ZA"/>
        </a:p>
      </dgm:t>
    </dgm:pt>
    <dgm:pt modelId="{DA2CD9EB-472C-449A-A929-3164CDF89FC1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Naïve Bayes Imputation</a:t>
          </a:r>
          <a:endParaRPr lang="en-ZA" dirty="0"/>
        </a:p>
      </dgm:t>
    </dgm:pt>
    <dgm:pt modelId="{D6E637EA-0270-4102-BFD5-0A464D5B9FC2}" type="parTrans" cxnId="{F45D728D-C1FD-463C-8205-5ABC257842A1}">
      <dgm:prSet/>
      <dgm:spPr/>
      <dgm:t>
        <a:bodyPr/>
        <a:lstStyle/>
        <a:p>
          <a:endParaRPr lang="en-ZA"/>
        </a:p>
      </dgm:t>
    </dgm:pt>
    <dgm:pt modelId="{DB431F17-0E8C-4F88-A839-E32B6DB767DA}" type="sibTrans" cxnId="{F45D728D-C1FD-463C-8205-5ABC257842A1}">
      <dgm:prSet/>
      <dgm:spPr/>
      <dgm:t>
        <a:bodyPr/>
        <a:lstStyle/>
        <a:p>
          <a:endParaRPr lang="en-ZA"/>
        </a:p>
      </dgm:t>
    </dgm:pt>
    <dgm:pt modelId="{2F0A850E-3503-46B0-9065-7EC8D4E3BE63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Naïve Bayes Imputation</a:t>
          </a:r>
          <a:endParaRPr lang="en-ZA" dirty="0"/>
        </a:p>
      </dgm:t>
    </dgm:pt>
    <dgm:pt modelId="{C99598A1-C09E-409A-B632-CFE97764A2FC}" type="parTrans" cxnId="{4ABC509F-29EB-456F-9CF4-74CCC65679B7}">
      <dgm:prSet/>
      <dgm:spPr/>
      <dgm:t>
        <a:bodyPr/>
        <a:lstStyle/>
        <a:p>
          <a:endParaRPr lang="en-ZA"/>
        </a:p>
      </dgm:t>
    </dgm:pt>
    <dgm:pt modelId="{FD737EA2-7B45-477F-A558-8F257A15F110}" type="sibTrans" cxnId="{4ABC509F-29EB-456F-9CF4-74CCC65679B7}">
      <dgm:prSet/>
      <dgm:spPr/>
      <dgm:t>
        <a:bodyPr/>
        <a:lstStyle/>
        <a:p>
          <a:endParaRPr lang="en-ZA"/>
        </a:p>
      </dgm:t>
    </dgm:pt>
    <dgm:pt modelId="{7501C7E2-7FB0-420E-A6BB-E12CEC6193BA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Naïve Bayes Imputation</a:t>
          </a:r>
          <a:endParaRPr lang="en-ZA" dirty="0"/>
        </a:p>
      </dgm:t>
    </dgm:pt>
    <dgm:pt modelId="{1CB336AD-7B8A-4E77-98C9-B144AAE62BBB}" type="parTrans" cxnId="{574AEA7A-23A9-4D4D-9190-7D577828E55A}">
      <dgm:prSet/>
      <dgm:spPr/>
      <dgm:t>
        <a:bodyPr/>
        <a:lstStyle/>
        <a:p>
          <a:endParaRPr lang="en-ZA"/>
        </a:p>
      </dgm:t>
    </dgm:pt>
    <dgm:pt modelId="{A7EBD326-708D-4ED4-A061-629DCC156D8B}" type="sibTrans" cxnId="{574AEA7A-23A9-4D4D-9190-7D577828E55A}">
      <dgm:prSet/>
      <dgm:spPr/>
      <dgm:t>
        <a:bodyPr/>
        <a:lstStyle/>
        <a:p>
          <a:endParaRPr lang="en-ZA"/>
        </a:p>
      </dgm:t>
    </dgm:pt>
    <dgm:pt modelId="{C2322179-ED35-4DDF-984B-137F11AABF00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Mode Imputation</a:t>
          </a:r>
          <a:endParaRPr lang="en-ZA" dirty="0"/>
        </a:p>
      </dgm:t>
    </dgm:pt>
    <dgm:pt modelId="{E6323456-5927-457A-876E-4416577BB771}" type="parTrans" cxnId="{2517DD81-1E21-4B83-87E9-33295281AE5B}">
      <dgm:prSet/>
      <dgm:spPr/>
      <dgm:t>
        <a:bodyPr/>
        <a:lstStyle/>
        <a:p>
          <a:endParaRPr lang="en-ZA"/>
        </a:p>
      </dgm:t>
    </dgm:pt>
    <dgm:pt modelId="{CC0D64B2-C676-42E3-8FB6-EB803C0F46CD}" type="sibTrans" cxnId="{2517DD81-1E21-4B83-87E9-33295281AE5B}">
      <dgm:prSet/>
      <dgm:spPr/>
      <dgm:t>
        <a:bodyPr/>
        <a:lstStyle/>
        <a:p>
          <a:endParaRPr lang="en-ZA"/>
        </a:p>
      </dgm:t>
    </dgm:pt>
    <dgm:pt modelId="{1922A216-6FB8-482C-BA23-FE4C46BB2C2E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Mode Imputation</a:t>
          </a:r>
          <a:endParaRPr lang="en-ZA" dirty="0"/>
        </a:p>
      </dgm:t>
    </dgm:pt>
    <dgm:pt modelId="{B447FC85-9F9F-4426-B14C-52C62C76149A}" type="parTrans" cxnId="{D8D88B65-29A6-4F74-9063-D0365D3AE5B1}">
      <dgm:prSet/>
      <dgm:spPr/>
      <dgm:t>
        <a:bodyPr/>
        <a:lstStyle/>
        <a:p>
          <a:endParaRPr lang="en-ZA"/>
        </a:p>
      </dgm:t>
    </dgm:pt>
    <dgm:pt modelId="{626CA79D-0EF2-4D22-A988-4BA00374986E}" type="sibTrans" cxnId="{D8D88B65-29A6-4F74-9063-D0365D3AE5B1}">
      <dgm:prSet/>
      <dgm:spPr/>
      <dgm:t>
        <a:bodyPr/>
        <a:lstStyle/>
        <a:p>
          <a:endParaRPr lang="en-ZA"/>
        </a:p>
      </dgm:t>
    </dgm:pt>
    <dgm:pt modelId="{4CC335E2-4C5B-484F-98C1-947ED56BC018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Mode Imputation</a:t>
          </a:r>
          <a:endParaRPr lang="en-ZA" dirty="0"/>
        </a:p>
      </dgm:t>
    </dgm:pt>
    <dgm:pt modelId="{1555E199-3039-419E-B931-FA6576DC4E81}" type="parTrans" cxnId="{E6A197B5-305C-48D8-A5AB-A11E12853BD0}">
      <dgm:prSet/>
      <dgm:spPr/>
      <dgm:t>
        <a:bodyPr/>
        <a:lstStyle/>
        <a:p>
          <a:endParaRPr lang="en-ZA"/>
        </a:p>
      </dgm:t>
    </dgm:pt>
    <dgm:pt modelId="{1286FAE9-2E03-4E80-97F4-4E71028C4306}" type="sibTrans" cxnId="{E6A197B5-305C-48D8-A5AB-A11E12853BD0}">
      <dgm:prSet/>
      <dgm:spPr/>
      <dgm:t>
        <a:bodyPr/>
        <a:lstStyle/>
        <a:p>
          <a:endParaRPr lang="en-ZA"/>
        </a:p>
      </dgm:t>
    </dgm:pt>
    <dgm:pt modelId="{5BF4D1A1-CE82-4067-BCF8-53F2A23316EA}" type="pres">
      <dgm:prSet presAssocID="{54DDF439-10FF-40BC-8612-EBE211E0DAA8}" presName="mainComposite" presStyleCnt="0">
        <dgm:presLayoutVars>
          <dgm:chPref val="1"/>
          <dgm:dir/>
          <dgm:animOne val="branch"/>
          <dgm:animLvl val="lvl"/>
          <dgm:resizeHandles val="exact"/>
        </dgm:presLayoutVars>
      </dgm:prSet>
      <dgm:spPr/>
    </dgm:pt>
    <dgm:pt modelId="{AEFBB6DC-37BC-4719-A998-F68374257C8E}" type="pres">
      <dgm:prSet presAssocID="{54DDF439-10FF-40BC-8612-EBE211E0DAA8}" presName="hierFlow" presStyleCnt="0"/>
      <dgm:spPr/>
    </dgm:pt>
    <dgm:pt modelId="{2C3DB272-7917-404F-93DC-17B290210111}" type="pres">
      <dgm:prSet presAssocID="{54DDF439-10FF-40BC-8612-EBE211E0DAA8}" presName="hierChild1" presStyleCnt="0">
        <dgm:presLayoutVars>
          <dgm:chPref val="1"/>
          <dgm:animOne val="branch"/>
          <dgm:animLvl val="lvl"/>
        </dgm:presLayoutVars>
      </dgm:prSet>
      <dgm:spPr/>
    </dgm:pt>
    <dgm:pt modelId="{9DEB4519-1265-46F9-843F-02DEE1F229E2}" type="pres">
      <dgm:prSet presAssocID="{77059FDB-0595-4162-9C07-B65F853B5E46}" presName="Name17" presStyleCnt="0"/>
      <dgm:spPr/>
    </dgm:pt>
    <dgm:pt modelId="{B1D1D582-6234-43C5-A87E-DBC57AED7D8B}" type="pres">
      <dgm:prSet presAssocID="{77059FDB-0595-4162-9C07-B65F853B5E46}" presName="level1Shape" presStyleLbl="node0" presStyleIdx="0" presStyleCnt="1">
        <dgm:presLayoutVars>
          <dgm:chPref val="3"/>
        </dgm:presLayoutVars>
      </dgm:prSet>
      <dgm:spPr/>
    </dgm:pt>
    <dgm:pt modelId="{5D2158F2-3ED6-4837-B2C2-DF67FF3F3B7E}" type="pres">
      <dgm:prSet presAssocID="{77059FDB-0595-4162-9C07-B65F853B5E46}" presName="hierChild2" presStyleCnt="0"/>
      <dgm:spPr/>
    </dgm:pt>
    <dgm:pt modelId="{87E898FB-2BB1-44D1-B016-944267D3E986}" type="pres">
      <dgm:prSet presAssocID="{F1E6DA9D-3E15-4268-8109-0694AC77DA5E}" presName="Name25" presStyleLbl="parChTrans1D2" presStyleIdx="0" presStyleCnt="2"/>
      <dgm:spPr/>
    </dgm:pt>
    <dgm:pt modelId="{403C0E7C-54AC-406F-BFEE-C54FA6297930}" type="pres">
      <dgm:prSet presAssocID="{F1E6DA9D-3E15-4268-8109-0694AC77DA5E}" presName="connTx" presStyleLbl="parChTrans1D2" presStyleIdx="0" presStyleCnt="2"/>
      <dgm:spPr/>
    </dgm:pt>
    <dgm:pt modelId="{49E6ED79-A903-44DE-8709-CCADB72DA66B}" type="pres">
      <dgm:prSet presAssocID="{8D073FB6-8CD1-49BC-B71C-1770D1789B42}" presName="Name30" presStyleCnt="0"/>
      <dgm:spPr/>
    </dgm:pt>
    <dgm:pt modelId="{95AD70D2-D7B6-46B7-8DBD-D69F7CC9E118}" type="pres">
      <dgm:prSet presAssocID="{8D073FB6-8CD1-49BC-B71C-1770D1789B42}" presName="level2Shape" presStyleLbl="node2" presStyleIdx="0" presStyleCnt="2" custLinFactY="-100000" custLinFactNeighborX="-12769" custLinFactNeighborY="-134956"/>
      <dgm:spPr/>
    </dgm:pt>
    <dgm:pt modelId="{CB5240F1-B55A-453B-9CCD-C12066F85DE8}" type="pres">
      <dgm:prSet presAssocID="{8D073FB6-8CD1-49BC-B71C-1770D1789B42}" presName="hierChild3" presStyleCnt="0"/>
      <dgm:spPr/>
    </dgm:pt>
    <dgm:pt modelId="{86A62DD5-4A63-400D-9CCC-97B60BD4A742}" type="pres">
      <dgm:prSet presAssocID="{E07F651A-D1B7-47C8-8D0F-ABF9B05A64E0}" presName="Name25" presStyleLbl="parChTrans1D3" presStyleIdx="0" presStyleCnt="3"/>
      <dgm:spPr/>
    </dgm:pt>
    <dgm:pt modelId="{8CEED233-F556-4C7C-BE74-748DDD882B82}" type="pres">
      <dgm:prSet presAssocID="{E07F651A-D1B7-47C8-8D0F-ABF9B05A64E0}" presName="connTx" presStyleLbl="parChTrans1D3" presStyleIdx="0" presStyleCnt="3"/>
      <dgm:spPr/>
    </dgm:pt>
    <dgm:pt modelId="{7A11DEE7-1C5C-4D99-BD32-2EBC8F6D4562}" type="pres">
      <dgm:prSet presAssocID="{5B32A6E6-86EC-4925-ABC0-1837794A5CE7}" presName="Name30" presStyleCnt="0"/>
      <dgm:spPr/>
    </dgm:pt>
    <dgm:pt modelId="{CEEE8176-35D1-4192-9728-E16633BB788F}" type="pres">
      <dgm:prSet presAssocID="{5B32A6E6-86EC-4925-ABC0-1837794A5CE7}" presName="level2Shape" presStyleLbl="node3" presStyleIdx="0" presStyleCnt="3"/>
      <dgm:spPr/>
    </dgm:pt>
    <dgm:pt modelId="{6D17517E-226C-441B-B204-E2CA6FD30164}" type="pres">
      <dgm:prSet presAssocID="{5B32A6E6-86EC-4925-ABC0-1837794A5CE7}" presName="hierChild3" presStyleCnt="0"/>
      <dgm:spPr/>
    </dgm:pt>
    <dgm:pt modelId="{489275FA-36DF-49A6-9C08-B8E8744A6D56}" type="pres">
      <dgm:prSet presAssocID="{E6323456-5927-457A-876E-4416577BB771}" presName="Name25" presStyleLbl="parChTrans1D4" presStyleIdx="0" presStyleCnt="6"/>
      <dgm:spPr/>
    </dgm:pt>
    <dgm:pt modelId="{E4F3A596-3326-45AA-B600-CD423CBB6B52}" type="pres">
      <dgm:prSet presAssocID="{E6323456-5927-457A-876E-4416577BB771}" presName="connTx" presStyleLbl="parChTrans1D4" presStyleIdx="0" presStyleCnt="6"/>
      <dgm:spPr/>
    </dgm:pt>
    <dgm:pt modelId="{F2957FBC-58B3-4FB0-9689-923928D3B3D1}" type="pres">
      <dgm:prSet presAssocID="{C2322179-ED35-4DDF-984B-137F11AABF00}" presName="Name30" presStyleCnt="0"/>
      <dgm:spPr/>
    </dgm:pt>
    <dgm:pt modelId="{D5BAAADF-3150-47B1-BBF5-2FFBFD86FCED}" type="pres">
      <dgm:prSet presAssocID="{C2322179-ED35-4DDF-984B-137F11AABF00}" presName="level2Shape" presStyleLbl="node4" presStyleIdx="0" presStyleCnt="6"/>
      <dgm:spPr/>
    </dgm:pt>
    <dgm:pt modelId="{4E403420-113B-4DD5-80AA-839E6A169A2B}" type="pres">
      <dgm:prSet presAssocID="{C2322179-ED35-4DDF-984B-137F11AABF00}" presName="hierChild3" presStyleCnt="0"/>
      <dgm:spPr/>
    </dgm:pt>
    <dgm:pt modelId="{B4C65A40-9E2A-41DC-9BAC-254A833EBF26}" type="pres">
      <dgm:prSet presAssocID="{D6E637EA-0270-4102-BFD5-0A464D5B9FC2}" presName="Name25" presStyleLbl="parChTrans1D4" presStyleIdx="1" presStyleCnt="6"/>
      <dgm:spPr/>
    </dgm:pt>
    <dgm:pt modelId="{216F138F-6DFC-4569-A69A-2019E963FC81}" type="pres">
      <dgm:prSet presAssocID="{D6E637EA-0270-4102-BFD5-0A464D5B9FC2}" presName="connTx" presStyleLbl="parChTrans1D4" presStyleIdx="1" presStyleCnt="6"/>
      <dgm:spPr/>
    </dgm:pt>
    <dgm:pt modelId="{BF7DE6B9-2D75-4F70-81DE-8FC3021B8EF6}" type="pres">
      <dgm:prSet presAssocID="{DA2CD9EB-472C-449A-A929-3164CDF89FC1}" presName="Name30" presStyleCnt="0"/>
      <dgm:spPr/>
    </dgm:pt>
    <dgm:pt modelId="{11E00BCE-51DB-4A00-A065-5BD7138A44DD}" type="pres">
      <dgm:prSet presAssocID="{DA2CD9EB-472C-449A-A929-3164CDF89FC1}" presName="level2Shape" presStyleLbl="node4" presStyleIdx="1" presStyleCnt="6"/>
      <dgm:spPr/>
    </dgm:pt>
    <dgm:pt modelId="{4D67990A-3A18-498D-B80F-64771CFFC008}" type="pres">
      <dgm:prSet presAssocID="{DA2CD9EB-472C-449A-A929-3164CDF89FC1}" presName="hierChild3" presStyleCnt="0"/>
      <dgm:spPr/>
    </dgm:pt>
    <dgm:pt modelId="{E75DE5B3-0F75-45A9-A4AC-33BDF190805E}" type="pres">
      <dgm:prSet presAssocID="{FF70D626-FA02-4265-9FA3-60B43DFF9C51}" presName="Name25" presStyleLbl="parChTrans1D3" presStyleIdx="1" presStyleCnt="3"/>
      <dgm:spPr/>
    </dgm:pt>
    <dgm:pt modelId="{6179EC4F-D4F5-4858-B2CE-F63D95CF5311}" type="pres">
      <dgm:prSet presAssocID="{FF70D626-FA02-4265-9FA3-60B43DFF9C51}" presName="connTx" presStyleLbl="parChTrans1D3" presStyleIdx="1" presStyleCnt="3"/>
      <dgm:spPr/>
    </dgm:pt>
    <dgm:pt modelId="{D347D974-A9A6-4EBC-BC4C-C7C688285105}" type="pres">
      <dgm:prSet presAssocID="{4DD9407C-460B-4D1E-95F3-7DC7B944C0AB}" presName="Name30" presStyleCnt="0"/>
      <dgm:spPr/>
    </dgm:pt>
    <dgm:pt modelId="{1011E41C-C8FA-4D0B-A0BF-5E8F7EFE30F6}" type="pres">
      <dgm:prSet presAssocID="{4DD9407C-460B-4D1E-95F3-7DC7B944C0AB}" presName="level2Shape" presStyleLbl="node3" presStyleIdx="1" presStyleCnt="3"/>
      <dgm:spPr/>
    </dgm:pt>
    <dgm:pt modelId="{3191A521-1B8F-4074-85EE-824B7FE0FF59}" type="pres">
      <dgm:prSet presAssocID="{4DD9407C-460B-4D1E-95F3-7DC7B944C0AB}" presName="hierChild3" presStyleCnt="0"/>
      <dgm:spPr/>
    </dgm:pt>
    <dgm:pt modelId="{FA8B4599-3A06-4087-A47C-01252F5134AA}" type="pres">
      <dgm:prSet presAssocID="{B447FC85-9F9F-4426-B14C-52C62C76149A}" presName="Name25" presStyleLbl="parChTrans1D4" presStyleIdx="2" presStyleCnt="6"/>
      <dgm:spPr/>
    </dgm:pt>
    <dgm:pt modelId="{2FD44EF0-25CF-4AA0-BADD-C499D08B8496}" type="pres">
      <dgm:prSet presAssocID="{B447FC85-9F9F-4426-B14C-52C62C76149A}" presName="connTx" presStyleLbl="parChTrans1D4" presStyleIdx="2" presStyleCnt="6"/>
      <dgm:spPr/>
    </dgm:pt>
    <dgm:pt modelId="{A611196B-E0EB-43AF-8982-EA337A21C8C2}" type="pres">
      <dgm:prSet presAssocID="{1922A216-6FB8-482C-BA23-FE4C46BB2C2E}" presName="Name30" presStyleCnt="0"/>
      <dgm:spPr/>
    </dgm:pt>
    <dgm:pt modelId="{F1D4DE00-DD38-423D-A61F-57CC7A686178}" type="pres">
      <dgm:prSet presAssocID="{1922A216-6FB8-482C-BA23-FE4C46BB2C2E}" presName="level2Shape" presStyleLbl="node4" presStyleIdx="2" presStyleCnt="6"/>
      <dgm:spPr/>
    </dgm:pt>
    <dgm:pt modelId="{897FEEE9-01E3-43B1-8111-72AF45FFBA3C}" type="pres">
      <dgm:prSet presAssocID="{1922A216-6FB8-482C-BA23-FE4C46BB2C2E}" presName="hierChild3" presStyleCnt="0"/>
      <dgm:spPr/>
    </dgm:pt>
    <dgm:pt modelId="{2E6CA308-8D40-4A42-853B-2FC7F54008FC}" type="pres">
      <dgm:prSet presAssocID="{C99598A1-C09E-409A-B632-CFE97764A2FC}" presName="Name25" presStyleLbl="parChTrans1D4" presStyleIdx="3" presStyleCnt="6"/>
      <dgm:spPr/>
    </dgm:pt>
    <dgm:pt modelId="{42FD8038-DD71-4393-99D3-761AFEED55A8}" type="pres">
      <dgm:prSet presAssocID="{C99598A1-C09E-409A-B632-CFE97764A2FC}" presName="connTx" presStyleLbl="parChTrans1D4" presStyleIdx="3" presStyleCnt="6"/>
      <dgm:spPr/>
    </dgm:pt>
    <dgm:pt modelId="{2B57DD35-7C6B-4B13-8C50-965158997416}" type="pres">
      <dgm:prSet presAssocID="{2F0A850E-3503-46B0-9065-7EC8D4E3BE63}" presName="Name30" presStyleCnt="0"/>
      <dgm:spPr/>
    </dgm:pt>
    <dgm:pt modelId="{62C0C9BA-4E7F-4F26-BA4E-6252A888F0B7}" type="pres">
      <dgm:prSet presAssocID="{2F0A850E-3503-46B0-9065-7EC8D4E3BE63}" presName="level2Shape" presStyleLbl="node4" presStyleIdx="3" presStyleCnt="6"/>
      <dgm:spPr/>
    </dgm:pt>
    <dgm:pt modelId="{C7715F4A-F09C-4435-9C33-B60F99C70B96}" type="pres">
      <dgm:prSet presAssocID="{2F0A850E-3503-46B0-9065-7EC8D4E3BE63}" presName="hierChild3" presStyleCnt="0"/>
      <dgm:spPr/>
    </dgm:pt>
    <dgm:pt modelId="{CF6FE85F-78B4-4DEC-8957-5E2C57573F7D}" type="pres">
      <dgm:prSet presAssocID="{C09ACD5B-BEEB-4F24-A419-1BA821DD4245}" presName="Name25" presStyleLbl="parChTrans1D3" presStyleIdx="2" presStyleCnt="3"/>
      <dgm:spPr/>
    </dgm:pt>
    <dgm:pt modelId="{337CDF42-E751-4B42-B59E-EB1740290248}" type="pres">
      <dgm:prSet presAssocID="{C09ACD5B-BEEB-4F24-A419-1BA821DD4245}" presName="connTx" presStyleLbl="parChTrans1D3" presStyleIdx="2" presStyleCnt="3"/>
      <dgm:spPr/>
    </dgm:pt>
    <dgm:pt modelId="{F5027875-4C88-4AFB-AFAF-3EBB0111D459}" type="pres">
      <dgm:prSet presAssocID="{A348CCD9-BAD3-4676-8FC1-A9B8275D5933}" presName="Name30" presStyleCnt="0"/>
      <dgm:spPr/>
    </dgm:pt>
    <dgm:pt modelId="{8A24F98F-0497-46A2-A3E4-D879EA5B0C00}" type="pres">
      <dgm:prSet presAssocID="{A348CCD9-BAD3-4676-8FC1-A9B8275D5933}" presName="level2Shape" presStyleLbl="node3" presStyleIdx="2" presStyleCnt="3"/>
      <dgm:spPr/>
    </dgm:pt>
    <dgm:pt modelId="{88DC8B7B-BFB7-47D0-9591-E203B8EAA1B0}" type="pres">
      <dgm:prSet presAssocID="{A348CCD9-BAD3-4676-8FC1-A9B8275D5933}" presName="hierChild3" presStyleCnt="0"/>
      <dgm:spPr/>
    </dgm:pt>
    <dgm:pt modelId="{6DF180AF-E3DE-47A1-B975-7BB65FC18014}" type="pres">
      <dgm:prSet presAssocID="{1555E199-3039-419E-B931-FA6576DC4E81}" presName="Name25" presStyleLbl="parChTrans1D4" presStyleIdx="4" presStyleCnt="6"/>
      <dgm:spPr/>
    </dgm:pt>
    <dgm:pt modelId="{42D514EB-DDB4-45E5-A5A6-8C519D209A54}" type="pres">
      <dgm:prSet presAssocID="{1555E199-3039-419E-B931-FA6576DC4E81}" presName="connTx" presStyleLbl="parChTrans1D4" presStyleIdx="4" presStyleCnt="6"/>
      <dgm:spPr/>
    </dgm:pt>
    <dgm:pt modelId="{7DF54485-B3A8-4083-894E-1A423E871BD1}" type="pres">
      <dgm:prSet presAssocID="{4CC335E2-4C5B-484F-98C1-947ED56BC018}" presName="Name30" presStyleCnt="0"/>
      <dgm:spPr/>
    </dgm:pt>
    <dgm:pt modelId="{B01624F6-34D2-430A-9E5F-056048AD71E1}" type="pres">
      <dgm:prSet presAssocID="{4CC335E2-4C5B-484F-98C1-947ED56BC018}" presName="level2Shape" presStyleLbl="node4" presStyleIdx="4" presStyleCnt="6"/>
      <dgm:spPr/>
    </dgm:pt>
    <dgm:pt modelId="{8DFF8F6F-9667-48BA-9EB9-CCE5FF6A24E6}" type="pres">
      <dgm:prSet presAssocID="{4CC335E2-4C5B-484F-98C1-947ED56BC018}" presName="hierChild3" presStyleCnt="0"/>
      <dgm:spPr/>
    </dgm:pt>
    <dgm:pt modelId="{582B1624-CFB9-4155-A13D-733F41F870E1}" type="pres">
      <dgm:prSet presAssocID="{1CB336AD-7B8A-4E77-98C9-B144AAE62BBB}" presName="Name25" presStyleLbl="parChTrans1D4" presStyleIdx="5" presStyleCnt="6"/>
      <dgm:spPr/>
    </dgm:pt>
    <dgm:pt modelId="{45D9CBFF-165E-4FB8-9CDC-8D422F47F97D}" type="pres">
      <dgm:prSet presAssocID="{1CB336AD-7B8A-4E77-98C9-B144AAE62BBB}" presName="connTx" presStyleLbl="parChTrans1D4" presStyleIdx="5" presStyleCnt="6"/>
      <dgm:spPr/>
    </dgm:pt>
    <dgm:pt modelId="{4F8C7FD3-4EBB-42A0-A972-15BF15C4D7AD}" type="pres">
      <dgm:prSet presAssocID="{7501C7E2-7FB0-420E-A6BB-E12CEC6193BA}" presName="Name30" presStyleCnt="0"/>
      <dgm:spPr/>
    </dgm:pt>
    <dgm:pt modelId="{866BAAEB-6849-4BBB-A062-081AD33532ED}" type="pres">
      <dgm:prSet presAssocID="{7501C7E2-7FB0-420E-A6BB-E12CEC6193BA}" presName="level2Shape" presStyleLbl="node4" presStyleIdx="5" presStyleCnt="6"/>
      <dgm:spPr/>
    </dgm:pt>
    <dgm:pt modelId="{05EB0E6C-9BE1-4251-B8C2-EEE9976FA8EE}" type="pres">
      <dgm:prSet presAssocID="{7501C7E2-7FB0-420E-A6BB-E12CEC6193BA}" presName="hierChild3" presStyleCnt="0"/>
      <dgm:spPr/>
    </dgm:pt>
    <dgm:pt modelId="{9CA8FB5C-50A7-4FAD-AF26-9EA0CCB2DA90}" type="pres">
      <dgm:prSet presAssocID="{8CEFA627-3A9A-44DB-84B5-5D9E32DA9D96}" presName="Name25" presStyleLbl="parChTrans1D2" presStyleIdx="1" presStyleCnt="2"/>
      <dgm:spPr/>
    </dgm:pt>
    <dgm:pt modelId="{52844CD6-4C82-434F-B952-CE13B83B6A39}" type="pres">
      <dgm:prSet presAssocID="{8CEFA627-3A9A-44DB-84B5-5D9E32DA9D96}" presName="connTx" presStyleLbl="parChTrans1D2" presStyleIdx="1" presStyleCnt="2"/>
      <dgm:spPr/>
    </dgm:pt>
    <dgm:pt modelId="{A40C9D79-201F-4C8B-8A02-D6CF63B220D4}" type="pres">
      <dgm:prSet presAssocID="{E03D74C0-F370-4DDD-8E85-5A4107D020A4}" presName="Name30" presStyleCnt="0"/>
      <dgm:spPr/>
    </dgm:pt>
    <dgm:pt modelId="{C061E002-D3F6-4313-BA49-8614DA4609FF}" type="pres">
      <dgm:prSet presAssocID="{E03D74C0-F370-4DDD-8E85-5A4107D020A4}" presName="level2Shape" presStyleLbl="node2" presStyleIdx="1" presStyleCnt="2" custLinFactY="22266" custLinFactNeighborX="-8726" custLinFactNeighborY="100000"/>
      <dgm:spPr/>
    </dgm:pt>
    <dgm:pt modelId="{75AFB796-8D93-4DDC-B961-36876C1319E9}" type="pres">
      <dgm:prSet presAssocID="{E03D74C0-F370-4DDD-8E85-5A4107D020A4}" presName="hierChild3" presStyleCnt="0"/>
      <dgm:spPr/>
    </dgm:pt>
    <dgm:pt modelId="{406D7335-384D-47EC-AC18-64ED15AF6A0E}" type="pres">
      <dgm:prSet presAssocID="{54DDF439-10FF-40BC-8612-EBE211E0DAA8}" presName="bgShapesFlow" presStyleCnt="0"/>
      <dgm:spPr/>
    </dgm:pt>
  </dgm:ptLst>
  <dgm:cxnLst>
    <dgm:cxn modelId="{6AAEC900-B251-42A6-8338-ED7F28BCA5E9}" type="presOf" srcId="{E07F651A-D1B7-47C8-8D0F-ABF9B05A64E0}" destId="{8CEED233-F556-4C7C-BE74-748DDD882B82}" srcOrd="1" destOrd="0" presId="urn:microsoft.com/office/officeart/2005/8/layout/hierarchy5"/>
    <dgm:cxn modelId="{690E2003-0F4B-4DBA-9B6A-8D46CF523CD5}" type="presOf" srcId="{C2322179-ED35-4DDF-984B-137F11AABF00}" destId="{D5BAAADF-3150-47B1-BBF5-2FFBFD86FCED}" srcOrd="0" destOrd="0" presId="urn:microsoft.com/office/officeart/2005/8/layout/hierarchy5"/>
    <dgm:cxn modelId="{835B8407-494E-41C2-9000-14069E306785}" type="presOf" srcId="{C99598A1-C09E-409A-B632-CFE97764A2FC}" destId="{42FD8038-DD71-4393-99D3-761AFEED55A8}" srcOrd="1" destOrd="0" presId="urn:microsoft.com/office/officeart/2005/8/layout/hierarchy5"/>
    <dgm:cxn modelId="{A475780A-A405-46DB-99CB-8E76D42FD966}" type="presOf" srcId="{C09ACD5B-BEEB-4F24-A419-1BA821DD4245}" destId="{337CDF42-E751-4B42-B59E-EB1740290248}" srcOrd="1" destOrd="0" presId="urn:microsoft.com/office/officeart/2005/8/layout/hierarchy5"/>
    <dgm:cxn modelId="{582D0716-EE71-42AB-AA06-38AB3DEB8469}" type="presOf" srcId="{FF70D626-FA02-4265-9FA3-60B43DFF9C51}" destId="{E75DE5B3-0F75-45A9-A4AC-33BDF190805E}" srcOrd="0" destOrd="0" presId="urn:microsoft.com/office/officeart/2005/8/layout/hierarchy5"/>
    <dgm:cxn modelId="{73C9AE1C-6738-4DB6-9EF6-CDA521E22EB0}" type="presOf" srcId="{F1E6DA9D-3E15-4268-8109-0694AC77DA5E}" destId="{403C0E7C-54AC-406F-BFEE-C54FA6297930}" srcOrd="1" destOrd="0" presId="urn:microsoft.com/office/officeart/2005/8/layout/hierarchy5"/>
    <dgm:cxn modelId="{FAB15C1F-A9A0-4148-9D04-BBD3C9092CBB}" type="presOf" srcId="{1922A216-6FB8-482C-BA23-FE4C46BB2C2E}" destId="{F1D4DE00-DD38-423D-A61F-57CC7A686178}" srcOrd="0" destOrd="0" presId="urn:microsoft.com/office/officeart/2005/8/layout/hierarchy5"/>
    <dgm:cxn modelId="{A70A2423-84B1-499C-B291-15C9CDF1BB39}" type="presOf" srcId="{A348CCD9-BAD3-4676-8FC1-A9B8275D5933}" destId="{8A24F98F-0497-46A2-A3E4-D879EA5B0C00}" srcOrd="0" destOrd="0" presId="urn:microsoft.com/office/officeart/2005/8/layout/hierarchy5"/>
    <dgm:cxn modelId="{16046728-0C61-4B90-A5D7-2731929148BD}" srcId="{54DDF439-10FF-40BC-8612-EBE211E0DAA8}" destId="{77059FDB-0595-4162-9C07-B65F853B5E46}" srcOrd="0" destOrd="0" parTransId="{415D1432-DD91-45D0-B119-C4E9DFABE309}" sibTransId="{45BA592F-1ABB-44EF-8807-8A6A24B5873C}"/>
    <dgm:cxn modelId="{682DFE28-0FCC-4176-96DB-577CC175A24D}" srcId="{8D073FB6-8CD1-49BC-B71C-1770D1789B42}" destId="{4DD9407C-460B-4D1E-95F3-7DC7B944C0AB}" srcOrd="1" destOrd="0" parTransId="{FF70D626-FA02-4265-9FA3-60B43DFF9C51}" sibTransId="{04DFF077-7CFF-4DFB-A2B1-C8B985AD7370}"/>
    <dgm:cxn modelId="{36D4FA2A-F96E-4C48-9458-072ADB3599C4}" type="presOf" srcId="{1CB336AD-7B8A-4E77-98C9-B144AAE62BBB}" destId="{582B1624-CFB9-4155-A13D-733F41F870E1}" srcOrd="0" destOrd="0" presId="urn:microsoft.com/office/officeart/2005/8/layout/hierarchy5"/>
    <dgm:cxn modelId="{4D5DA832-8667-43BC-BFEB-E893963ADFED}" type="presOf" srcId="{FF70D626-FA02-4265-9FA3-60B43DFF9C51}" destId="{6179EC4F-D4F5-4858-B2CE-F63D95CF5311}" srcOrd="1" destOrd="0" presId="urn:microsoft.com/office/officeart/2005/8/layout/hierarchy5"/>
    <dgm:cxn modelId="{4AD33E3D-24A6-4495-90F6-E166EDEF8D25}" srcId="{8D073FB6-8CD1-49BC-B71C-1770D1789B42}" destId="{5B32A6E6-86EC-4925-ABC0-1837794A5CE7}" srcOrd="0" destOrd="0" parTransId="{E07F651A-D1B7-47C8-8D0F-ABF9B05A64E0}" sibTransId="{12B001EC-8117-479E-A1FB-8CDADF5224F0}"/>
    <dgm:cxn modelId="{8540145D-0FF6-4FF4-8F06-C6D8E0407904}" type="presOf" srcId="{D6E637EA-0270-4102-BFD5-0A464D5B9FC2}" destId="{B4C65A40-9E2A-41DC-9BAC-254A833EBF26}" srcOrd="0" destOrd="0" presId="urn:microsoft.com/office/officeart/2005/8/layout/hierarchy5"/>
    <dgm:cxn modelId="{D8D88B65-29A6-4F74-9063-D0365D3AE5B1}" srcId="{4DD9407C-460B-4D1E-95F3-7DC7B944C0AB}" destId="{1922A216-6FB8-482C-BA23-FE4C46BB2C2E}" srcOrd="0" destOrd="0" parTransId="{B447FC85-9F9F-4426-B14C-52C62C76149A}" sibTransId="{626CA79D-0EF2-4D22-A988-4BA00374986E}"/>
    <dgm:cxn modelId="{7D447E46-0C89-45EC-B9EE-DEC566B5FEED}" type="presOf" srcId="{77059FDB-0595-4162-9C07-B65F853B5E46}" destId="{B1D1D582-6234-43C5-A87E-DBC57AED7D8B}" srcOrd="0" destOrd="0" presId="urn:microsoft.com/office/officeart/2005/8/layout/hierarchy5"/>
    <dgm:cxn modelId="{254D4447-581F-4F4D-B2AD-18ABE545207D}" type="presOf" srcId="{E6323456-5927-457A-876E-4416577BB771}" destId="{489275FA-36DF-49A6-9C08-B8E8744A6D56}" srcOrd="0" destOrd="0" presId="urn:microsoft.com/office/officeart/2005/8/layout/hierarchy5"/>
    <dgm:cxn modelId="{70FDD64F-70E8-4505-AB86-15BF75673666}" srcId="{77059FDB-0595-4162-9C07-B65F853B5E46}" destId="{8D073FB6-8CD1-49BC-B71C-1770D1789B42}" srcOrd="0" destOrd="0" parTransId="{F1E6DA9D-3E15-4268-8109-0694AC77DA5E}" sibTransId="{87BFA7EC-E0C3-4BD1-8163-0AD976CD5A40}"/>
    <dgm:cxn modelId="{434B1453-17C0-4E4C-8528-4B335EC8CCCB}" type="presOf" srcId="{E6323456-5927-457A-876E-4416577BB771}" destId="{E4F3A596-3326-45AA-B600-CD423CBB6B52}" srcOrd="1" destOrd="0" presId="urn:microsoft.com/office/officeart/2005/8/layout/hierarchy5"/>
    <dgm:cxn modelId="{E2C63C74-0A24-44F8-B2FF-B1E3FB7F7E19}" type="presOf" srcId="{4DD9407C-460B-4D1E-95F3-7DC7B944C0AB}" destId="{1011E41C-C8FA-4D0B-A0BF-5E8F7EFE30F6}" srcOrd="0" destOrd="0" presId="urn:microsoft.com/office/officeart/2005/8/layout/hierarchy5"/>
    <dgm:cxn modelId="{47507659-59C9-429A-9863-9DB8B9AEE23B}" type="presOf" srcId="{E03D74C0-F370-4DDD-8E85-5A4107D020A4}" destId="{C061E002-D3F6-4313-BA49-8614DA4609FF}" srcOrd="0" destOrd="0" presId="urn:microsoft.com/office/officeart/2005/8/layout/hierarchy5"/>
    <dgm:cxn modelId="{5F51A079-2CED-485C-BDF9-6994094DE878}" type="presOf" srcId="{B447FC85-9F9F-4426-B14C-52C62C76149A}" destId="{2FD44EF0-25CF-4AA0-BADD-C499D08B8496}" srcOrd="1" destOrd="0" presId="urn:microsoft.com/office/officeart/2005/8/layout/hierarchy5"/>
    <dgm:cxn modelId="{574AEA7A-23A9-4D4D-9190-7D577828E55A}" srcId="{A348CCD9-BAD3-4676-8FC1-A9B8275D5933}" destId="{7501C7E2-7FB0-420E-A6BB-E12CEC6193BA}" srcOrd="1" destOrd="0" parTransId="{1CB336AD-7B8A-4E77-98C9-B144AAE62BBB}" sibTransId="{A7EBD326-708D-4ED4-A061-629DCC156D8B}"/>
    <dgm:cxn modelId="{2517DD81-1E21-4B83-87E9-33295281AE5B}" srcId="{5B32A6E6-86EC-4925-ABC0-1837794A5CE7}" destId="{C2322179-ED35-4DDF-984B-137F11AABF00}" srcOrd="0" destOrd="0" parTransId="{E6323456-5927-457A-876E-4416577BB771}" sibTransId="{CC0D64B2-C676-42E3-8FB6-EB803C0F46CD}"/>
    <dgm:cxn modelId="{0E629382-05CF-4FCD-916D-88F377F667E0}" type="presOf" srcId="{8D073FB6-8CD1-49BC-B71C-1770D1789B42}" destId="{95AD70D2-D7B6-46B7-8DBD-D69F7CC9E118}" srcOrd="0" destOrd="0" presId="urn:microsoft.com/office/officeart/2005/8/layout/hierarchy5"/>
    <dgm:cxn modelId="{1AC88D89-EF04-44C0-B1E8-A53DCF3410A1}" type="presOf" srcId="{1555E199-3039-419E-B931-FA6576DC4E81}" destId="{42D514EB-DDB4-45E5-A5A6-8C519D209A54}" srcOrd="1" destOrd="0" presId="urn:microsoft.com/office/officeart/2005/8/layout/hierarchy5"/>
    <dgm:cxn modelId="{EF3B678C-528B-4BDD-9EB1-9C626FC5B14F}" type="presOf" srcId="{2F0A850E-3503-46B0-9065-7EC8D4E3BE63}" destId="{62C0C9BA-4E7F-4F26-BA4E-6252A888F0B7}" srcOrd="0" destOrd="0" presId="urn:microsoft.com/office/officeart/2005/8/layout/hierarchy5"/>
    <dgm:cxn modelId="{F45D728D-C1FD-463C-8205-5ABC257842A1}" srcId="{5B32A6E6-86EC-4925-ABC0-1837794A5CE7}" destId="{DA2CD9EB-472C-449A-A929-3164CDF89FC1}" srcOrd="1" destOrd="0" parTransId="{D6E637EA-0270-4102-BFD5-0A464D5B9FC2}" sibTransId="{DB431F17-0E8C-4F88-A839-E32B6DB767DA}"/>
    <dgm:cxn modelId="{F8EFD495-F572-4055-9EF0-30D6499F89F7}" type="presOf" srcId="{7501C7E2-7FB0-420E-A6BB-E12CEC6193BA}" destId="{866BAAEB-6849-4BBB-A062-081AD33532ED}" srcOrd="0" destOrd="0" presId="urn:microsoft.com/office/officeart/2005/8/layout/hierarchy5"/>
    <dgm:cxn modelId="{4ABC509F-29EB-456F-9CF4-74CCC65679B7}" srcId="{4DD9407C-460B-4D1E-95F3-7DC7B944C0AB}" destId="{2F0A850E-3503-46B0-9065-7EC8D4E3BE63}" srcOrd="1" destOrd="0" parTransId="{C99598A1-C09E-409A-B632-CFE97764A2FC}" sibTransId="{FD737EA2-7B45-477F-A558-8F257A15F110}"/>
    <dgm:cxn modelId="{E8BC62A0-F7A9-4F49-8151-A48C5239CCE3}" type="presOf" srcId="{DA2CD9EB-472C-449A-A929-3164CDF89FC1}" destId="{11E00BCE-51DB-4A00-A065-5BD7138A44DD}" srcOrd="0" destOrd="0" presId="urn:microsoft.com/office/officeart/2005/8/layout/hierarchy5"/>
    <dgm:cxn modelId="{6031FAA2-9F27-4B35-BE27-C0AB3BFB822C}" type="presOf" srcId="{1555E199-3039-419E-B931-FA6576DC4E81}" destId="{6DF180AF-E3DE-47A1-B975-7BB65FC18014}" srcOrd="0" destOrd="0" presId="urn:microsoft.com/office/officeart/2005/8/layout/hierarchy5"/>
    <dgm:cxn modelId="{CC4D7CA4-0185-482F-A626-C12408E1DD41}" type="presOf" srcId="{8CEFA627-3A9A-44DB-84B5-5D9E32DA9D96}" destId="{9CA8FB5C-50A7-4FAD-AF26-9EA0CCB2DA90}" srcOrd="0" destOrd="0" presId="urn:microsoft.com/office/officeart/2005/8/layout/hierarchy5"/>
    <dgm:cxn modelId="{8F4594AC-75BF-437C-9BB3-62FD6AF10E55}" srcId="{77059FDB-0595-4162-9C07-B65F853B5E46}" destId="{E03D74C0-F370-4DDD-8E85-5A4107D020A4}" srcOrd="1" destOrd="0" parTransId="{8CEFA627-3A9A-44DB-84B5-5D9E32DA9D96}" sibTransId="{F93495B0-6401-4C88-BCA0-CA07D3CBCB88}"/>
    <dgm:cxn modelId="{BE9441AD-7D7F-4CE5-9ACA-F4160509BD26}" type="presOf" srcId="{D6E637EA-0270-4102-BFD5-0A464D5B9FC2}" destId="{216F138F-6DFC-4569-A69A-2019E963FC81}" srcOrd="1" destOrd="0" presId="urn:microsoft.com/office/officeart/2005/8/layout/hierarchy5"/>
    <dgm:cxn modelId="{F968D7AF-3D7F-426D-B5F3-D16D06D11D81}" type="presOf" srcId="{5B32A6E6-86EC-4925-ABC0-1837794A5CE7}" destId="{CEEE8176-35D1-4192-9728-E16633BB788F}" srcOrd="0" destOrd="0" presId="urn:microsoft.com/office/officeart/2005/8/layout/hierarchy5"/>
    <dgm:cxn modelId="{E6A197B5-305C-48D8-A5AB-A11E12853BD0}" srcId="{A348CCD9-BAD3-4676-8FC1-A9B8275D5933}" destId="{4CC335E2-4C5B-484F-98C1-947ED56BC018}" srcOrd="0" destOrd="0" parTransId="{1555E199-3039-419E-B931-FA6576DC4E81}" sibTransId="{1286FAE9-2E03-4E80-97F4-4E71028C4306}"/>
    <dgm:cxn modelId="{3BD48EB6-BB89-4509-AAB5-0A933DCB6528}" type="presOf" srcId="{4CC335E2-4C5B-484F-98C1-947ED56BC018}" destId="{B01624F6-34D2-430A-9E5F-056048AD71E1}" srcOrd="0" destOrd="0" presId="urn:microsoft.com/office/officeart/2005/8/layout/hierarchy5"/>
    <dgm:cxn modelId="{3F36DFB8-2655-4589-82DC-3F31A644AC37}" type="presOf" srcId="{C09ACD5B-BEEB-4F24-A419-1BA821DD4245}" destId="{CF6FE85F-78B4-4DEC-8957-5E2C57573F7D}" srcOrd="0" destOrd="0" presId="urn:microsoft.com/office/officeart/2005/8/layout/hierarchy5"/>
    <dgm:cxn modelId="{133553BB-D3EB-47E9-8695-88625F035D1F}" type="presOf" srcId="{8CEFA627-3A9A-44DB-84B5-5D9E32DA9D96}" destId="{52844CD6-4C82-434F-B952-CE13B83B6A39}" srcOrd="1" destOrd="0" presId="urn:microsoft.com/office/officeart/2005/8/layout/hierarchy5"/>
    <dgm:cxn modelId="{EDAF4AC3-A523-4C38-ABC2-5224EC794083}" srcId="{8D073FB6-8CD1-49BC-B71C-1770D1789B42}" destId="{A348CCD9-BAD3-4676-8FC1-A9B8275D5933}" srcOrd="2" destOrd="0" parTransId="{C09ACD5B-BEEB-4F24-A419-1BA821DD4245}" sibTransId="{D1038C94-65A5-43F1-A638-B4164B4E8EDB}"/>
    <dgm:cxn modelId="{CF683DC8-2894-4DCD-A339-A6BC2883E0C9}" type="presOf" srcId="{54DDF439-10FF-40BC-8612-EBE211E0DAA8}" destId="{5BF4D1A1-CE82-4067-BCF8-53F2A23316EA}" srcOrd="0" destOrd="0" presId="urn:microsoft.com/office/officeart/2005/8/layout/hierarchy5"/>
    <dgm:cxn modelId="{11F757CD-B315-4675-8932-806D40BD352E}" type="presOf" srcId="{1CB336AD-7B8A-4E77-98C9-B144AAE62BBB}" destId="{45D9CBFF-165E-4FB8-9CDC-8D422F47F97D}" srcOrd="1" destOrd="0" presId="urn:microsoft.com/office/officeart/2005/8/layout/hierarchy5"/>
    <dgm:cxn modelId="{68E215D5-05FD-42BC-AB81-82F7F26F6D07}" type="presOf" srcId="{C99598A1-C09E-409A-B632-CFE97764A2FC}" destId="{2E6CA308-8D40-4A42-853B-2FC7F54008FC}" srcOrd="0" destOrd="0" presId="urn:microsoft.com/office/officeart/2005/8/layout/hierarchy5"/>
    <dgm:cxn modelId="{1216B9EA-BFAE-40CF-98C6-D32C5276144D}" type="presOf" srcId="{F1E6DA9D-3E15-4268-8109-0694AC77DA5E}" destId="{87E898FB-2BB1-44D1-B016-944267D3E986}" srcOrd="0" destOrd="0" presId="urn:microsoft.com/office/officeart/2005/8/layout/hierarchy5"/>
    <dgm:cxn modelId="{601584EB-C94D-415B-9EB8-FADE02464D2A}" type="presOf" srcId="{B447FC85-9F9F-4426-B14C-52C62C76149A}" destId="{FA8B4599-3A06-4087-A47C-01252F5134AA}" srcOrd="0" destOrd="0" presId="urn:microsoft.com/office/officeart/2005/8/layout/hierarchy5"/>
    <dgm:cxn modelId="{D10975F5-D74B-42F1-AADC-ECF13E22E965}" type="presOf" srcId="{E07F651A-D1B7-47C8-8D0F-ABF9B05A64E0}" destId="{86A62DD5-4A63-400D-9CCC-97B60BD4A742}" srcOrd="0" destOrd="0" presId="urn:microsoft.com/office/officeart/2005/8/layout/hierarchy5"/>
    <dgm:cxn modelId="{23F7645C-CC41-4E27-9ADD-1E4252A992D2}" type="presParOf" srcId="{5BF4D1A1-CE82-4067-BCF8-53F2A23316EA}" destId="{AEFBB6DC-37BC-4719-A998-F68374257C8E}" srcOrd="0" destOrd="0" presId="urn:microsoft.com/office/officeart/2005/8/layout/hierarchy5"/>
    <dgm:cxn modelId="{6D4C9A3A-86DD-4C69-B092-547C890D6251}" type="presParOf" srcId="{AEFBB6DC-37BC-4719-A998-F68374257C8E}" destId="{2C3DB272-7917-404F-93DC-17B290210111}" srcOrd="0" destOrd="0" presId="urn:microsoft.com/office/officeart/2005/8/layout/hierarchy5"/>
    <dgm:cxn modelId="{B0AD1CDB-08FF-4B0C-989B-142AF14E3722}" type="presParOf" srcId="{2C3DB272-7917-404F-93DC-17B290210111}" destId="{9DEB4519-1265-46F9-843F-02DEE1F229E2}" srcOrd="0" destOrd="0" presId="urn:microsoft.com/office/officeart/2005/8/layout/hierarchy5"/>
    <dgm:cxn modelId="{7D901DDA-0C39-41FE-B36B-CC245611038D}" type="presParOf" srcId="{9DEB4519-1265-46F9-843F-02DEE1F229E2}" destId="{B1D1D582-6234-43C5-A87E-DBC57AED7D8B}" srcOrd="0" destOrd="0" presId="urn:microsoft.com/office/officeart/2005/8/layout/hierarchy5"/>
    <dgm:cxn modelId="{EC6114F9-B8E3-4BC8-9B9D-5F7C3DBC6A8C}" type="presParOf" srcId="{9DEB4519-1265-46F9-843F-02DEE1F229E2}" destId="{5D2158F2-3ED6-4837-B2C2-DF67FF3F3B7E}" srcOrd="1" destOrd="0" presId="urn:microsoft.com/office/officeart/2005/8/layout/hierarchy5"/>
    <dgm:cxn modelId="{656E846E-744E-4CE2-AE58-828375ACF6AB}" type="presParOf" srcId="{5D2158F2-3ED6-4837-B2C2-DF67FF3F3B7E}" destId="{87E898FB-2BB1-44D1-B016-944267D3E986}" srcOrd="0" destOrd="0" presId="urn:microsoft.com/office/officeart/2005/8/layout/hierarchy5"/>
    <dgm:cxn modelId="{4C2F5E3F-02DB-4C8D-8D9A-0F9FA9F159F4}" type="presParOf" srcId="{87E898FB-2BB1-44D1-B016-944267D3E986}" destId="{403C0E7C-54AC-406F-BFEE-C54FA6297930}" srcOrd="0" destOrd="0" presId="urn:microsoft.com/office/officeart/2005/8/layout/hierarchy5"/>
    <dgm:cxn modelId="{30019CA4-3860-46DF-909A-42C51B752167}" type="presParOf" srcId="{5D2158F2-3ED6-4837-B2C2-DF67FF3F3B7E}" destId="{49E6ED79-A903-44DE-8709-CCADB72DA66B}" srcOrd="1" destOrd="0" presId="urn:microsoft.com/office/officeart/2005/8/layout/hierarchy5"/>
    <dgm:cxn modelId="{09C71F16-C041-49B5-BFD1-1B2910A991E2}" type="presParOf" srcId="{49E6ED79-A903-44DE-8709-CCADB72DA66B}" destId="{95AD70D2-D7B6-46B7-8DBD-D69F7CC9E118}" srcOrd="0" destOrd="0" presId="urn:microsoft.com/office/officeart/2005/8/layout/hierarchy5"/>
    <dgm:cxn modelId="{0211036F-2732-4A8E-89D3-14100B3692D0}" type="presParOf" srcId="{49E6ED79-A903-44DE-8709-CCADB72DA66B}" destId="{CB5240F1-B55A-453B-9CCD-C12066F85DE8}" srcOrd="1" destOrd="0" presId="urn:microsoft.com/office/officeart/2005/8/layout/hierarchy5"/>
    <dgm:cxn modelId="{7E7D1D37-D076-4959-93BF-3D996CB93F63}" type="presParOf" srcId="{CB5240F1-B55A-453B-9CCD-C12066F85DE8}" destId="{86A62DD5-4A63-400D-9CCC-97B60BD4A742}" srcOrd="0" destOrd="0" presId="urn:microsoft.com/office/officeart/2005/8/layout/hierarchy5"/>
    <dgm:cxn modelId="{898150C7-6D0C-49A4-B71D-3535B683737A}" type="presParOf" srcId="{86A62DD5-4A63-400D-9CCC-97B60BD4A742}" destId="{8CEED233-F556-4C7C-BE74-748DDD882B82}" srcOrd="0" destOrd="0" presId="urn:microsoft.com/office/officeart/2005/8/layout/hierarchy5"/>
    <dgm:cxn modelId="{B541F1FF-E5B5-4F90-A9BC-5BA16612F69D}" type="presParOf" srcId="{CB5240F1-B55A-453B-9CCD-C12066F85DE8}" destId="{7A11DEE7-1C5C-4D99-BD32-2EBC8F6D4562}" srcOrd="1" destOrd="0" presId="urn:microsoft.com/office/officeart/2005/8/layout/hierarchy5"/>
    <dgm:cxn modelId="{0FBD5B27-20D5-4181-8F2F-794EAB98D073}" type="presParOf" srcId="{7A11DEE7-1C5C-4D99-BD32-2EBC8F6D4562}" destId="{CEEE8176-35D1-4192-9728-E16633BB788F}" srcOrd="0" destOrd="0" presId="urn:microsoft.com/office/officeart/2005/8/layout/hierarchy5"/>
    <dgm:cxn modelId="{7F6EE7A0-F743-47A0-91EC-1381D78E2A41}" type="presParOf" srcId="{7A11DEE7-1C5C-4D99-BD32-2EBC8F6D4562}" destId="{6D17517E-226C-441B-B204-E2CA6FD30164}" srcOrd="1" destOrd="0" presId="urn:microsoft.com/office/officeart/2005/8/layout/hierarchy5"/>
    <dgm:cxn modelId="{3AB14AA9-DBDC-4ACA-905F-72EB40C720E4}" type="presParOf" srcId="{6D17517E-226C-441B-B204-E2CA6FD30164}" destId="{489275FA-36DF-49A6-9C08-B8E8744A6D56}" srcOrd="0" destOrd="0" presId="urn:microsoft.com/office/officeart/2005/8/layout/hierarchy5"/>
    <dgm:cxn modelId="{896129CF-208B-4836-A068-0074C3BA9870}" type="presParOf" srcId="{489275FA-36DF-49A6-9C08-B8E8744A6D56}" destId="{E4F3A596-3326-45AA-B600-CD423CBB6B52}" srcOrd="0" destOrd="0" presId="urn:microsoft.com/office/officeart/2005/8/layout/hierarchy5"/>
    <dgm:cxn modelId="{FDD9C5AA-9CDC-4C37-BC82-E2C1E776C6AC}" type="presParOf" srcId="{6D17517E-226C-441B-B204-E2CA6FD30164}" destId="{F2957FBC-58B3-4FB0-9689-923928D3B3D1}" srcOrd="1" destOrd="0" presId="urn:microsoft.com/office/officeart/2005/8/layout/hierarchy5"/>
    <dgm:cxn modelId="{64BC22CA-6652-41DE-8C7A-6710EDEF589B}" type="presParOf" srcId="{F2957FBC-58B3-4FB0-9689-923928D3B3D1}" destId="{D5BAAADF-3150-47B1-BBF5-2FFBFD86FCED}" srcOrd="0" destOrd="0" presId="urn:microsoft.com/office/officeart/2005/8/layout/hierarchy5"/>
    <dgm:cxn modelId="{61341289-F697-4513-A751-5D3D413FD307}" type="presParOf" srcId="{F2957FBC-58B3-4FB0-9689-923928D3B3D1}" destId="{4E403420-113B-4DD5-80AA-839E6A169A2B}" srcOrd="1" destOrd="0" presId="urn:microsoft.com/office/officeart/2005/8/layout/hierarchy5"/>
    <dgm:cxn modelId="{06034AD9-C628-4E95-875A-12E7220694FA}" type="presParOf" srcId="{6D17517E-226C-441B-B204-E2CA6FD30164}" destId="{B4C65A40-9E2A-41DC-9BAC-254A833EBF26}" srcOrd="2" destOrd="0" presId="urn:microsoft.com/office/officeart/2005/8/layout/hierarchy5"/>
    <dgm:cxn modelId="{A0EBB4CF-DAA9-497F-ACB0-F4B330C79DE2}" type="presParOf" srcId="{B4C65A40-9E2A-41DC-9BAC-254A833EBF26}" destId="{216F138F-6DFC-4569-A69A-2019E963FC81}" srcOrd="0" destOrd="0" presId="urn:microsoft.com/office/officeart/2005/8/layout/hierarchy5"/>
    <dgm:cxn modelId="{DD5954B2-1924-4771-8020-0BEF66906F84}" type="presParOf" srcId="{6D17517E-226C-441B-B204-E2CA6FD30164}" destId="{BF7DE6B9-2D75-4F70-81DE-8FC3021B8EF6}" srcOrd="3" destOrd="0" presId="urn:microsoft.com/office/officeart/2005/8/layout/hierarchy5"/>
    <dgm:cxn modelId="{A97291A1-779E-48A2-B9CE-E42A0CBAFFC9}" type="presParOf" srcId="{BF7DE6B9-2D75-4F70-81DE-8FC3021B8EF6}" destId="{11E00BCE-51DB-4A00-A065-5BD7138A44DD}" srcOrd="0" destOrd="0" presId="urn:microsoft.com/office/officeart/2005/8/layout/hierarchy5"/>
    <dgm:cxn modelId="{EE8EAD1C-CFC2-430C-A326-93F93E5063FC}" type="presParOf" srcId="{BF7DE6B9-2D75-4F70-81DE-8FC3021B8EF6}" destId="{4D67990A-3A18-498D-B80F-64771CFFC008}" srcOrd="1" destOrd="0" presId="urn:microsoft.com/office/officeart/2005/8/layout/hierarchy5"/>
    <dgm:cxn modelId="{18D0261A-61EB-4BE4-9E5C-872AC9983E9F}" type="presParOf" srcId="{CB5240F1-B55A-453B-9CCD-C12066F85DE8}" destId="{E75DE5B3-0F75-45A9-A4AC-33BDF190805E}" srcOrd="2" destOrd="0" presId="urn:microsoft.com/office/officeart/2005/8/layout/hierarchy5"/>
    <dgm:cxn modelId="{B5CADCA0-EC9A-4BC2-B9FD-A7D930A41079}" type="presParOf" srcId="{E75DE5B3-0F75-45A9-A4AC-33BDF190805E}" destId="{6179EC4F-D4F5-4858-B2CE-F63D95CF5311}" srcOrd="0" destOrd="0" presId="urn:microsoft.com/office/officeart/2005/8/layout/hierarchy5"/>
    <dgm:cxn modelId="{BA500B4F-FC03-4A78-B3F6-C9F46CDD2B2C}" type="presParOf" srcId="{CB5240F1-B55A-453B-9CCD-C12066F85DE8}" destId="{D347D974-A9A6-4EBC-BC4C-C7C688285105}" srcOrd="3" destOrd="0" presId="urn:microsoft.com/office/officeart/2005/8/layout/hierarchy5"/>
    <dgm:cxn modelId="{0E7AC5CC-C9BF-45CF-94B8-4D82A946F9C6}" type="presParOf" srcId="{D347D974-A9A6-4EBC-BC4C-C7C688285105}" destId="{1011E41C-C8FA-4D0B-A0BF-5E8F7EFE30F6}" srcOrd="0" destOrd="0" presId="urn:microsoft.com/office/officeart/2005/8/layout/hierarchy5"/>
    <dgm:cxn modelId="{456AF30E-C6A7-4484-ABFF-060D3BCFDC56}" type="presParOf" srcId="{D347D974-A9A6-4EBC-BC4C-C7C688285105}" destId="{3191A521-1B8F-4074-85EE-824B7FE0FF59}" srcOrd="1" destOrd="0" presId="urn:microsoft.com/office/officeart/2005/8/layout/hierarchy5"/>
    <dgm:cxn modelId="{EA52C3F0-A4E2-4A69-BA63-6D84F0447C11}" type="presParOf" srcId="{3191A521-1B8F-4074-85EE-824B7FE0FF59}" destId="{FA8B4599-3A06-4087-A47C-01252F5134AA}" srcOrd="0" destOrd="0" presId="urn:microsoft.com/office/officeart/2005/8/layout/hierarchy5"/>
    <dgm:cxn modelId="{677DDB46-33F1-43F9-9F4C-73A4DF55958E}" type="presParOf" srcId="{FA8B4599-3A06-4087-A47C-01252F5134AA}" destId="{2FD44EF0-25CF-4AA0-BADD-C499D08B8496}" srcOrd="0" destOrd="0" presId="urn:microsoft.com/office/officeart/2005/8/layout/hierarchy5"/>
    <dgm:cxn modelId="{0260690D-B5BB-42D3-8867-9EA9E47B5ADA}" type="presParOf" srcId="{3191A521-1B8F-4074-85EE-824B7FE0FF59}" destId="{A611196B-E0EB-43AF-8982-EA337A21C8C2}" srcOrd="1" destOrd="0" presId="urn:microsoft.com/office/officeart/2005/8/layout/hierarchy5"/>
    <dgm:cxn modelId="{C70F073D-AC84-4DBD-8E8E-B501AB0AB4CA}" type="presParOf" srcId="{A611196B-E0EB-43AF-8982-EA337A21C8C2}" destId="{F1D4DE00-DD38-423D-A61F-57CC7A686178}" srcOrd="0" destOrd="0" presId="urn:microsoft.com/office/officeart/2005/8/layout/hierarchy5"/>
    <dgm:cxn modelId="{A1545242-E2F7-4B90-AE7F-0E22B460E05A}" type="presParOf" srcId="{A611196B-E0EB-43AF-8982-EA337A21C8C2}" destId="{897FEEE9-01E3-43B1-8111-72AF45FFBA3C}" srcOrd="1" destOrd="0" presId="urn:microsoft.com/office/officeart/2005/8/layout/hierarchy5"/>
    <dgm:cxn modelId="{BE9FAA90-36AC-461E-84F5-BEAE617F46FD}" type="presParOf" srcId="{3191A521-1B8F-4074-85EE-824B7FE0FF59}" destId="{2E6CA308-8D40-4A42-853B-2FC7F54008FC}" srcOrd="2" destOrd="0" presId="urn:microsoft.com/office/officeart/2005/8/layout/hierarchy5"/>
    <dgm:cxn modelId="{60DDEFA1-3CB6-4FB9-8A10-A6CF5B641460}" type="presParOf" srcId="{2E6CA308-8D40-4A42-853B-2FC7F54008FC}" destId="{42FD8038-DD71-4393-99D3-761AFEED55A8}" srcOrd="0" destOrd="0" presId="urn:microsoft.com/office/officeart/2005/8/layout/hierarchy5"/>
    <dgm:cxn modelId="{AFF4867C-A58D-4115-86BE-DA35AE5FFAF3}" type="presParOf" srcId="{3191A521-1B8F-4074-85EE-824B7FE0FF59}" destId="{2B57DD35-7C6B-4B13-8C50-965158997416}" srcOrd="3" destOrd="0" presId="urn:microsoft.com/office/officeart/2005/8/layout/hierarchy5"/>
    <dgm:cxn modelId="{BD2BCF96-B7F6-4CA1-8957-3B2A2E8CBFB9}" type="presParOf" srcId="{2B57DD35-7C6B-4B13-8C50-965158997416}" destId="{62C0C9BA-4E7F-4F26-BA4E-6252A888F0B7}" srcOrd="0" destOrd="0" presId="urn:microsoft.com/office/officeart/2005/8/layout/hierarchy5"/>
    <dgm:cxn modelId="{8A759C38-8B17-4208-BEB1-BE3466A8F899}" type="presParOf" srcId="{2B57DD35-7C6B-4B13-8C50-965158997416}" destId="{C7715F4A-F09C-4435-9C33-B60F99C70B96}" srcOrd="1" destOrd="0" presId="urn:microsoft.com/office/officeart/2005/8/layout/hierarchy5"/>
    <dgm:cxn modelId="{04352A39-B610-4CAB-A243-89AEC7D5C854}" type="presParOf" srcId="{CB5240F1-B55A-453B-9CCD-C12066F85DE8}" destId="{CF6FE85F-78B4-4DEC-8957-5E2C57573F7D}" srcOrd="4" destOrd="0" presId="urn:microsoft.com/office/officeart/2005/8/layout/hierarchy5"/>
    <dgm:cxn modelId="{F18B6C98-1C51-4B82-BF80-D60F6B82BD10}" type="presParOf" srcId="{CF6FE85F-78B4-4DEC-8957-5E2C57573F7D}" destId="{337CDF42-E751-4B42-B59E-EB1740290248}" srcOrd="0" destOrd="0" presId="urn:microsoft.com/office/officeart/2005/8/layout/hierarchy5"/>
    <dgm:cxn modelId="{BFCFB864-D995-4A76-AAB5-0103D11FAE18}" type="presParOf" srcId="{CB5240F1-B55A-453B-9CCD-C12066F85DE8}" destId="{F5027875-4C88-4AFB-AFAF-3EBB0111D459}" srcOrd="5" destOrd="0" presId="urn:microsoft.com/office/officeart/2005/8/layout/hierarchy5"/>
    <dgm:cxn modelId="{C4965110-E5F7-4B63-B146-AD26684F0942}" type="presParOf" srcId="{F5027875-4C88-4AFB-AFAF-3EBB0111D459}" destId="{8A24F98F-0497-46A2-A3E4-D879EA5B0C00}" srcOrd="0" destOrd="0" presId="urn:microsoft.com/office/officeart/2005/8/layout/hierarchy5"/>
    <dgm:cxn modelId="{E26EE7B0-10A2-4186-8CA1-B2F9C7A20C09}" type="presParOf" srcId="{F5027875-4C88-4AFB-AFAF-3EBB0111D459}" destId="{88DC8B7B-BFB7-47D0-9591-E203B8EAA1B0}" srcOrd="1" destOrd="0" presId="urn:microsoft.com/office/officeart/2005/8/layout/hierarchy5"/>
    <dgm:cxn modelId="{572F18ED-1CA4-48B7-8F19-6AEC26C42551}" type="presParOf" srcId="{88DC8B7B-BFB7-47D0-9591-E203B8EAA1B0}" destId="{6DF180AF-E3DE-47A1-B975-7BB65FC18014}" srcOrd="0" destOrd="0" presId="urn:microsoft.com/office/officeart/2005/8/layout/hierarchy5"/>
    <dgm:cxn modelId="{C5E4AC28-AF60-498C-8021-8EC20378C504}" type="presParOf" srcId="{6DF180AF-E3DE-47A1-B975-7BB65FC18014}" destId="{42D514EB-DDB4-45E5-A5A6-8C519D209A54}" srcOrd="0" destOrd="0" presId="urn:microsoft.com/office/officeart/2005/8/layout/hierarchy5"/>
    <dgm:cxn modelId="{7CAF93A1-3AE7-4C96-91C5-6555F69CDCA3}" type="presParOf" srcId="{88DC8B7B-BFB7-47D0-9591-E203B8EAA1B0}" destId="{7DF54485-B3A8-4083-894E-1A423E871BD1}" srcOrd="1" destOrd="0" presId="urn:microsoft.com/office/officeart/2005/8/layout/hierarchy5"/>
    <dgm:cxn modelId="{54112000-8700-4D69-AA82-8EC325E0004E}" type="presParOf" srcId="{7DF54485-B3A8-4083-894E-1A423E871BD1}" destId="{B01624F6-34D2-430A-9E5F-056048AD71E1}" srcOrd="0" destOrd="0" presId="urn:microsoft.com/office/officeart/2005/8/layout/hierarchy5"/>
    <dgm:cxn modelId="{E355E428-E667-40F2-ACCF-1F1AD3FBB004}" type="presParOf" srcId="{7DF54485-B3A8-4083-894E-1A423E871BD1}" destId="{8DFF8F6F-9667-48BA-9EB9-CCE5FF6A24E6}" srcOrd="1" destOrd="0" presId="urn:microsoft.com/office/officeart/2005/8/layout/hierarchy5"/>
    <dgm:cxn modelId="{9A6065AF-9873-467C-B22C-9D54FC9E4C06}" type="presParOf" srcId="{88DC8B7B-BFB7-47D0-9591-E203B8EAA1B0}" destId="{582B1624-CFB9-4155-A13D-733F41F870E1}" srcOrd="2" destOrd="0" presId="urn:microsoft.com/office/officeart/2005/8/layout/hierarchy5"/>
    <dgm:cxn modelId="{92EB7B6A-3C16-4636-B4CF-EA64862AE8CC}" type="presParOf" srcId="{582B1624-CFB9-4155-A13D-733F41F870E1}" destId="{45D9CBFF-165E-4FB8-9CDC-8D422F47F97D}" srcOrd="0" destOrd="0" presId="urn:microsoft.com/office/officeart/2005/8/layout/hierarchy5"/>
    <dgm:cxn modelId="{0920A81B-2960-4733-BFA6-7693D0AD02B9}" type="presParOf" srcId="{88DC8B7B-BFB7-47D0-9591-E203B8EAA1B0}" destId="{4F8C7FD3-4EBB-42A0-A972-15BF15C4D7AD}" srcOrd="3" destOrd="0" presId="urn:microsoft.com/office/officeart/2005/8/layout/hierarchy5"/>
    <dgm:cxn modelId="{6FF0DDCD-1389-4B3A-93EB-72DF8DE968A8}" type="presParOf" srcId="{4F8C7FD3-4EBB-42A0-A972-15BF15C4D7AD}" destId="{866BAAEB-6849-4BBB-A062-081AD33532ED}" srcOrd="0" destOrd="0" presId="urn:microsoft.com/office/officeart/2005/8/layout/hierarchy5"/>
    <dgm:cxn modelId="{983125C4-4BAA-4442-B829-4228FE4B330B}" type="presParOf" srcId="{4F8C7FD3-4EBB-42A0-A972-15BF15C4D7AD}" destId="{05EB0E6C-9BE1-4251-B8C2-EEE9976FA8EE}" srcOrd="1" destOrd="0" presId="urn:microsoft.com/office/officeart/2005/8/layout/hierarchy5"/>
    <dgm:cxn modelId="{3C3DF3FB-B243-4A63-B39D-06D9800C7204}" type="presParOf" srcId="{5D2158F2-3ED6-4837-B2C2-DF67FF3F3B7E}" destId="{9CA8FB5C-50A7-4FAD-AF26-9EA0CCB2DA90}" srcOrd="2" destOrd="0" presId="urn:microsoft.com/office/officeart/2005/8/layout/hierarchy5"/>
    <dgm:cxn modelId="{759DDAA0-00B1-4E3E-B28B-C9BFE75C178A}" type="presParOf" srcId="{9CA8FB5C-50A7-4FAD-AF26-9EA0CCB2DA90}" destId="{52844CD6-4C82-434F-B952-CE13B83B6A39}" srcOrd="0" destOrd="0" presId="urn:microsoft.com/office/officeart/2005/8/layout/hierarchy5"/>
    <dgm:cxn modelId="{F8C9C65A-7532-422A-8828-56EB287FE0F1}" type="presParOf" srcId="{5D2158F2-3ED6-4837-B2C2-DF67FF3F3B7E}" destId="{A40C9D79-201F-4C8B-8A02-D6CF63B220D4}" srcOrd="3" destOrd="0" presId="urn:microsoft.com/office/officeart/2005/8/layout/hierarchy5"/>
    <dgm:cxn modelId="{C21A31C1-61B5-4B78-BE68-6D603C2CE7CC}" type="presParOf" srcId="{A40C9D79-201F-4C8B-8A02-D6CF63B220D4}" destId="{C061E002-D3F6-4313-BA49-8614DA4609FF}" srcOrd="0" destOrd="0" presId="urn:microsoft.com/office/officeart/2005/8/layout/hierarchy5"/>
    <dgm:cxn modelId="{DF5D75FD-0C11-4423-9F5E-60C1BB98895C}" type="presParOf" srcId="{A40C9D79-201F-4C8B-8A02-D6CF63B220D4}" destId="{75AFB796-8D93-4DDC-B961-36876C1319E9}" srcOrd="1" destOrd="0" presId="urn:microsoft.com/office/officeart/2005/8/layout/hierarchy5"/>
    <dgm:cxn modelId="{B5A53A7E-B9EA-475C-B554-028DD644B7F2}" type="presParOf" srcId="{5BF4D1A1-CE82-4067-BCF8-53F2A23316EA}" destId="{406D7335-384D-47EC-AC18-64ED15AF6A0E}" srcOrd="1" destOrd="0" presId="urn:microsoft.com/office/officeart/2005/8/layout/hierarchy5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54DDF439-10FF-40BC-8612-EBE211E0DAA8}" type="doc">
      <dgm:prSet loTypeId="urn:microsoft.com/office/officeart/2005/8/layout/hierarchy5" loCatId="hierarchy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ZA"/>
        </a:p>
      </dgm:t>
    </dgm:pt>
    <dgm:pt modelId="{77059FDB-0595-4162-9C07-B65F853B5E46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Nursery Dataset</a:t>
          </a:r>
          <a:endParaRPr lang="en-ZA" dirty="0"/>
        </a:p>
      </dgm:t>
    </dgm:pt>
    <dgm:pt modelId="{415D1432-DD91-45D0-B119-C4E9DFABE309}" type="parTrans" cxnId="{16046728-0C61-4B90-A5D7-2731929148BD}">
      <dgm:prSet/>
      <dgm:spPr/>
      <dgm:t>
        <a:bodyPr/>
        <a:lstStyle/>
        <a:p>
          <a:endParaRPr lang="en-ZA"/>
        </a:p>
      </dgm:t>
    </dgm:pt>
    <dgm:pt modelId="{45BA592F-1ABB-44EF-8807-8A6A24B5873C}" type="sibTrans" cxnId="{16046728-0C61-4B90-A5D7-2731929148BD}">
      <dgm:prSet/>
      <dgm:spPr/>
      <dgm:t>
        <a:bodyPr/>
        <a:lstStyle/>
        <a:p>
          <a:endParaRPr lang="en-ZA"/>
        </a:p>
      </dgm:t>
    </dgm:pt>
    <dgm:pt modelId="{8D073FB6-8CD1-49BC-B71C-1770D1789B42}">
      <dgm:prSet phldrT="[Text]"/>
      <dgm:spPr>
        <a:solidFill>
          <a:srgbClr val="4A66AC"/>
        </a:solidFill>
      </dgm:spPr>
      <dgm:t>
        <a:bodyPr/>
        <a:lstStyle/>
        <a:p>
          <a:r>
            <a:rPr lang="en-US" dirty="0"/>
            <a:t>Base Train</a:t>
          </a:r>
          <a:endParaRPr lang="en-ZA" dirty="0"/>
        </a:p>
      </dgm:t>
    </dgm:pt>
    <dgm:pt modelId="{F1E6DA9D-3E15-4268-8109-0694AC77DA5E}" type="parTrans" cxnId="{70FDD64F-70E8-4505-AB86-15BF75673666}">
      <dgm:prSet/>
      <dgm:spPr/>
      <dgm:t>
        <a:bodyPr/>
        <a:lstStyle/>
        <a:p>
          <a:endParaRPr lang="en-ZA"/>
        </a:p>
      </dgm:t>
    </dgm:pt>
    <dgm:pt modelId="{87BFA7EC-E0C3-4BD1-8163-0AD976CD5A40}" type="sibTrans" cxnId="{70FDD64F-70E8-4505-AB86-15BF75673666}">
      <dgm:prSet/>
      <dgm:spPr/>
      <dgm:t>
        <a:bodyPr/>
        <a:lstStyle/>
        <a:p>
          <a:endParaRPr lang="en-ZA"/>
        </a:p>
      </dgm:t>
    </dgm:pt>
    <dgm:pt modelId="{5B32A6E6-86EC-4925-ABC0-1837794A5CE7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10% missing values</a:t>
          </a:r>
          <a:endParaRPr lang="en-ZA" dirty="0"/>
        </a:p>
      </dgm:t>
    </dgm:pt>
    <dgm:pt modelId="{E07F651A-D1B7-47C8-8D0F-ABF9B05A64E0}" type="parTrans" cxnId="{4AD33E3D-24A6-4495-90F6-E166EDEF8D25}">
      <dgm:prSet/>
      <dgm:spPr/>
      <dgm:t>
        <a:bodyPr/>
        <a:lstStyle/>
        <a:p>
          <a:endParaRPr lang="en-ZA"/>
        </a:p>
      </dgm:t>
    </dgm:pt>
    <dgm:pt modelId="{12B001EC-8117-479E-A1FB-8CDADF5224F0}" type="sibTrans" cxnId="{4AD33E3D-24A6-4495-90F6-E166EDEF8D25}">
      <dgm:prSet/>
      <dgm:spPr/>
      <dgm:t>
        <a:bodyPr/>
        <a:lstStyle/>
        <a:p>
          <a:endParaRPr lang="en-ZA"/>
        </a:p>
      </dgm:t>
    </dgm:pt>
    <dgm:pt modelId="{4DD9407C-460B-4D1E-95F3-7DC7B944C0AB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40% missing values</a:t>
          </a:r>
          <a:endParaRPr lang="en-ZA" dirty="0"/>
        </a:p>
      </dgm:t>
    </dgm:pt>
    <dgm:pt modelId="{FF70D626-FA02-4265-9FA3-60B43DFF9C51}" type="parTrans" cxnId="{682DFE28-0FCC-4176-96DB-577CC175A24D}">
      <dgm:prSet/>
      <dgm:spPr/>
      <dgm:t>
        <a:bodyPr/>
        <a:lstStyle/>
        <a:p>
          <a:endParaRPr lang="en-ZA"/>
        </a:p>
      </dgm:t>
    </dgm:pt>
    <dgm:pt modelId="{04DFF077-7CFF-4DFB-A2B1-C8B985AD7370}" type="sibTrans" cxnId="{682DFE28-0FCC-4176-96DB-577CC175A24D}">
      <dgm:prSet/>
      <dgm:spPr/>
      <dgm:t>
        <a:bodyPr/>
        <a:lstStyle/>
        <a:p>
          <a:endParaRPr lang="en-ZA"/>
        </a:p>
      </dgm:t>
    </dgm:pt>
    <dgm:pt modelId="{E03D74C0-F370-4DDD-8E85-5A4107D020A4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Base Test</a:t>
          </a:r>
          <a:endParaRPr lang="en-ZA" dirty="0"/>
        </a:p>
      </dgm:t>
    </dgm:pt>
    <dgm:pt modelId="{8CEFA627-3A9A-44DB-84B5-5D9E32DA9D96}" type="parTrans" cxnId="{8F4594AC-75BF-437C-9BB3-62FD6AF10E55}">
      <dgm:prSet/>
      <dgm:spPr/>
      <dgm:t>
        <a:bodyPr/>
        <a:lstStyle/>
        <a:p>
          <a:endParaRPr lang="en-ZA"/>
        </a:p>
      </dgm:t>
    </dgm:pt>
    <dgm:pt modelId="{F93495B0-6401-4C88-BCA0-CA07D3CBCB88}" type="sibTrans" cxnId="{8F4594AC-75BF-437C-9BB3-62FD6AF10E55}">
      <dgm:prSet/>
      <dgm:spPr/>
      <dgm:t>
        <a:bodyPr/>
        <a:lstStyle/>
        <a:p>
          <a:endParaRPr lang="en-ZA"/>
        </a:p>
      </dgm:t>
    </dgm:pt>
    <dgm:pt modelId="{A348CCD9-BAD3-4676-8FC1-A9B8275D5933}">
      <dgm:prSet phldrT="[Text]"/>
      <dgm:spPr>
        <a:solidFill>
          <a:schemeClr val="bg2">
            <a:lumMod val="75000"/>
          </a:schemeClr>
        </a:solidFill>
      </dgm:spPr>
      <dgm:t>
        <a:bodyPr/>
        <a:lstStyle/>
        <a:p>
          <a:r>
            <a:rPr lang="en-US" dirty="0"/>
            <a:t>70% Missing Values</a:t>
          </a:r>
          <a:endParaRPr lang="en-ZA" dirty="0"/>
        </a:p>
      </dgm:t>
    </dgm:pt>
    <dgm:pt modelId="{C09ACD5B-BEEB-4F24-A419-1BA821DD4245}" type="parTrans" cxnId="{EDAF4AC3-A523-4C38-ABC2-5224EC794083}">
      <dgm:prSet/>
      <dgm:spPr/>
      <dgm:t>
        <a:bodyPr/>
        <a:lstStyle/>
        <a:p>
          <a:endParaRPr lang="en-ZA"/>
        </a:p>
      </dgm:t>
    </dgm:pt>
    <dgm:pt modelId="{D1038C94-65A5-43F1-A638-B4164B4E8EDB}" type="sibTrans" cxnId="{EDAF4AC3-A523-4C38-ABC2-5224EC794083}">
      <dgm:prSet/>
      <dgm:spPr/>
      <dgm:t>
        <a:bodyPr/>
        <a:lstStyle/>
        <a:p>
          <a:endParaRPr lang="en-ZA"/>
        </a:p>
      </dgm:t>
    </dgm:pt>
    <dgm:pt modelId="{DA2CD9EB-472C-449A-A929-3164CDF89FC1}">
      <dgm:prSet phldrT="[Text]"/>
      <dgm:spPr>
        <a:solidFill>
          <a:srgbClr val="297FD5"/>
        </a:solidFill>
      </dgm:spPr>
      <dgm:t>
        <a:bodyPr/>
        <a:lstStyle/>
        <a:p>
          <a:r>
            <a:rPr lang="en-US" dirty="0"/>
            <a:t>Naïve Bayes Imputation</a:t>
          </a:r>
          <a:endParaRPr lang="en-ZA" dirty="0"/>
        </a:p>
      </dgm:t>
    </dgm:pt>
    <dgm:pt modelId="{D6E637EA-0270-4102-BFD5-0A464D5B9FC2}" type="parTrans" cxnId="{F45D728D-C1FD-463C-8205-5ABC257842A1}">
      <dgm:prSet/>
      <dgm:spPr/>
      <dgm:t>
        <a:bodyPr/>
        <a:lstStyle/>
        <a:p>
          <a:endParaRPr lang="en-ZA"/>
        </a:p>
      </dgm:t>
    </dgm:pt>
    <dgm:pt modelId="{DB431F17-0E8C-4F88-A839-E32B6DB767DA}" type="sibTrans" cxnId="{F45D728D-C1FD-463C-8205-5ABC257842A1}">
      <dgm:prSet/>
      <dgm:spPr/>
      <dgm:t>
        <a:bodyPr/>
        <a:lstStyle/>
        <a:p>
          <a:endParaRPr lang="en-ZA"/>
        </a:p>
      </dgm:t>
    </dgm:pt>
    <dgm:pt modelId="{2F0A850E-3503-46B0-9065-7EC8D4E3BE63}">
      <dgm:prSet phldrT="[Text]"/>
      <dgm:spPr>
        <a:solidFill>
          <a:srgbClr val="297FD5"/>
        </a:solidFill>
      </dgm:spPr>
      <dgm:t>
        <a:bodyPr/>
        <a:lstStyle/>
        <a:p>
          <a:r>
            <a:rPr lang="en-US" dirty="0"/>
            <a:t>Naïve Bayes Imputation</a:t>
          </a:r>
          <a:endParaRPr lang="en-ZA" dirty="0"/>
        </a:p>
      </dgm:t>
    </dgm:pt>
    <dgm:pt modelId="{C99598A1-C09E-409A-B632-CFE97764A2FC}" type="parTrans" cxnId="{4ABC509F-29EB-456F-9CF4-74CCC65679B7}">
      <dgm:prSet/>
      <dgm:spPr/>
      <dgm:t>
        <a:bodyPr/>
        <a:lstStyle/>
        <a:p>
          <a:endParaRPr lang="en-ZA"/>
        </a:p>
      </dgm:t>
    </dgm:pt>
    <dgm:pt modelId="{FD737EA2-7B45-477F-A558-8F257A15F110}" type="sibTrans" cxnId="{4ABC509F-29EB-456F-9CF4-74CCC65679B7}">
      <dgm:prSet/>
      <dgm:spPr/>
      <dgm:t>
        <a:bodyPr/>
        <a:lstStyle/>
        <a:p>
          <a:endParaRPr lang="en-ZA"/>
        </a:p>
      </dgm:t>
    </dgm:pt>
    <dgm:pt modelId="{7501C7E2-7FB0-420E-A6BB-E12CEC6193BA}">
      <dgm:prSet phldrT="[Text]"/>
      <dgm:spPr>
        <a:solidFill>
          <a:srgbClr val="297FD5"/>
        </a:solidFill>
      </dgm:spPr>
      <dgm:t>
        <a:bodyPr/>
        <a:lstStyle/>
        <a:p>
          <a:r>
            <a:rPr lang="en-US" dirty="0"/>
            <a:t>Naïve Bayes Imputation</a:t>
          </a:r>
          <a:endParaRPr lang="en-ZA" dirty="0"/>
        </a:p>
      </dgm:t>
    </dgm:pt>
    <dgm:pt modelId="{1CB336AD-7B8A-4E77-98C9-B144AAE62BBB}" type="parTrans" cxnId="{574AEA7A-23A9-4D4D-9190-7D577828E55A}">
      <dgm:prSet/>
      <dgm:spPr/>
      <dgm:t>
        <a:bodyPr/>
        <a:lstStyle/>
        <a:p>
          <a:endParaRPr lang="en-ZA"/>
        </a:p>
      </dgm:t>
    </dgm:pt>
    <dgm:pt modelId="{A7EBD326-708D-4ED4-A061-629DCC156D8B}" type="sibTrans" cxnId="{574AEA7A-23A9-4D4D-9190-7D577828E55A}">
      <dgm:prSet/>
      <dgm:spPr/>
      <dgm:t>
        <a:bodyPr/>
        <a:lstStyle/>
        <a:p>
          <a:endParaRPr lang="en-ZA"/>
        </a:p>
      </dgm:t>
    </dgm:pt>
    <dgm:pt modelId="{C2322179-ED35-4DDF-984B-137F11AABF00}">
      <dgm:prSet phldrT="[Text]"/>
      <dgm:spPr>
        <a:solidFill>
          <a:srgbClr val="629DD1"/>
        </a:solidFill>
      </dgm:spPr>
      <dgm:t>
        <a:bodyPr/>
        <a:lstStyle/>
        <a:p>
          <a:r>
            <a:rPr lang="en-US" dirty="0"/>
            <a:t>Mode Imputation</a:t>
          </a:r>
          <a:endParaRPr lang="en-ZA" dirty="0"/>
        </a:p>
      </dgm:t>
    </dgm:pt>
    <dgm:pt modelId="{E6323456-5927-457A-876E-4416577BB771}" type="parTrans" cxnId="{2517DD81-1E21-4B83-87E9-33295281AE5B}">
      <dgm:prSet/>
      <dgm:spPr/>
      <dgm:t>
        <a:bodyPr/>
        <a:lstStyle/>
        <a:p>
          <a:endParaRPr lang="en-ZA"/>
        </a:p>
      </dgm:t>
    </dgm:pt>
    <dgm:pt modelId="{CC0D64B2-C676-42E3-8FB6-EB803C0F46CD}" type="sibTrans" cxnId="{2517DD81-1E21-4B83-87E9-33295281AE5B}">
      <dgm:prSet/>
      <dgm:spPr/>
      <dgm:t>
        <a:bodyPr/>
        <a:lstStyle/>
        <a:p>
          <a:endParaRPr lang="en-ZA"/>
        </a:p>
      </dgm:t>
    </dgm:pt>
    <dgm:pt modelId="{1922A216-6FB8-482C-BA23-FE4C46BB2C2E}">
      <dgm:prSet phldrT="[Text]"/>
      <dgm:spPr>
        <a:solidFill>
          <a:srgbClr val="629DD1"/>
        </a:solidFill>
      </dgm:spPr>
      <dgm:t>
        <a:bodyPr/>
        <a:lstStyle/>
        <a:p>
          <a:r>
            <a:rPr lang="en-US" dirty="0"/>
            <a:t>Mode Imputation</a:t>
          </a:r>
          <a:endParaRPr lang="en-ZA" dirty="0"/>
        </a:p>
      </dgm:t>
    </dgm:pt>
    <dgm:pt modelId="{B447FC85-9F9F-4426-B14C-52C62C76149A}" type="parTrans" cxnId="{D8D88B65-29A6-4F74-9063-D0365D3AE5B1}">
      <dgm:prSet/>
      <dgm:spPr/>
      <dgm:t>
        <a:bodyPr/>
        <a:lstStyle/>
        <a:p>
          <a:endParaRPr lang="en-ZA"/>
        </a:p>
      </dgm:t>
    </dgm:pt>
    <dgm:pt modelId="{626CA79D-0EF2-4D22-A988-4BA00374986E}" type="sibTrans" cxnId="{D8D88B65-29A6-4F74-9063-D0365D3AE5B1}">
      <dgm:prSet/>
      <dgm:spPr/>
      <dgm:t>
        <a:bodyPr/>
        <a:lstStyle/>
        <a:p>
          <a:endParaRPr lang="en-ZA"/>
        </a:p>
      </dgm:t>
    </dgm:pt>
    <dgm:pt modelId="{4CC335E2-4C5B-484F-98C1-947ED56BC018}">
      <dgm:prSet phldrT="[Text]"/>
      <dgm:spPr>
        <a:solidFill>
          <a:srgbClr val="629DD1"/>
        </a:solidFill>
      </dgm:spPr>
      <dgm:t>
        <a:bodyPr/>
        <a:lstStyle/>
        <a:p>
          <a:r>
            <a:rPr lang="en-US" dirty="0"/>
            <a:t>Mode Imputation</a:t>
          </a:r>
          <a:endParaRPr lang="en-ZA" dirty="0"/>
        </a:p>
      </dgm:t>
    </dgm:pt>
    <dgm:pt modelId="{1555E199-3039-419E-B931-FA6576DC4E81}" type="parTrans" cxnId="{E6A197B5-305C-48D8-A5AB-A11E12853BD0}">
      <dgm:prSet/>
      <dgm:spPr/>
      <dgm:t>
        <a:bodyPr/>
        <a:lstStyle/>
        <a:p>
          <a:endParaRPr lang="en-ZA"/>
        </a:p>
      </dgm:t>
    </dgm:pt>
    <dgm:pt modelId="{1286FAE9-2E03-4E80-97F4-4E71028C4306}" type="sibTrans" cxnId="{E6A197B5-305C-48D8-A5AB-A11E12853BD0}">
      <dgm:prSet/>
      <dgm:spPr/>
      <dgm:t>
        <a:bodyPr/>
        <a:lstStyle/>
        <a:p>
          <a:endParaRPr lang="en-ZA"/>
        </a:p>
      </dgm:t>
    </dgm:pt>
    <dgm:pt modelId="{5BF4D1A1-CE82-4067-BCF8-53F2A23316EA}" type="pres">
      <dgm:prSet presAssocID="{54DDF439-10FF-40BC-8612-EBE211E0DAA8}" presName="mainComposite" presStyleCnt="0">
        <dgm:presLayoutVars>
          <dgm:chPref val="1"/>
          <dgm:dir/>
          <dgm:animOne val="branch"/>
          <dgm:animLvl val="lvl"/>
          <dgm:resizeHandles val="exact"/>
        </dgm:presLayoutVars>
      </dgm:prSet>
      <dgm:spPr/>
    </dgm:pt>
    <dgm:pt modelId="{AEFBB6DC-37BC-4719-A998-F68374257C8E}" type="pres">
      <dgm:prSet presAssocID="{54DDF439-10FF-40BC-8612-EBE211E0DAA8}" presName="hierFlow" presStyleCnt="0"/>
      <dgm:spPr/>
    </dgm:pt>
    <dgm:pt modelId="{2C3DB272-7917-404F-93DC-17B290210111}" type="pres">
      <dgm:prSet presAssocID="{54DDF439-10FF-40BC-8612-EBE211E0DAA8}" presName="hierChild1" presStyleCnt="0">
        <dgm:presLayoutVars>
          <dgm:chPref val="1"/>
          <dgm:animOne val="branch"/>
          <dgm:animLvl val="lvl"/>
        </dgm:presLayoutVars>
      </dgm:prSet>
      <dgm:spPr/>
    </dgm:pt>
    <dgm:pt modelId="{9DEB4519-1265-46F9-843F-02DEE1F229E2}" type="pres">
      <dgm:prSet presAssocID="{77059FDB-0595-4162-9C07-B65F853B5E46}" presName="Name17" presStyleCnt="0"/>
      <dgm:spPr/>
    </dgm:pt>
    <dgm:pt modelId="{B1D1D582-6234-43C5-A87E-DBC57AED7D8B}" type="pres">
      <dgm:prSet presAssocID="{77059FDB-0595-4162-9C07-B65F853B5E46}" presName="level1Shape" presStyleLbl="node0" presStyleIdx="0" presStyleCnt="1">
        <dgm:presLayoutVars>
          <dgm:chPref val="3"/>
        </dgm:presLayoutVars>
      </dgm:prSet>
      <dgm:spPr/>
    </dgm:pt>
    <dgm:pt modelId="{5D2158F2-3ED6-4837-B2C2-DF67FF3F3B7E}" type="pres">
      <dgm:prSet presAssocID="{77059FDB-0595-4162-9C07-B65F853B5E46}" presName="hierChild2" presStyleCnt="0"/>
      <dgm:spPr/>
    </dgm:pt>
    <dgm:pt modelId="{87E898FB-2BB1-44D1-B016-944267D3E986}" type="pres">
      <dgm:prSet presAssocID="{F1E6DA9D-3E15-4268-8109-0694AC77DA5E}" presName="Name25" presStyleLbl="parChTrans1D2" presStyleIdx="0" presStyleCnt="2"/>
      <dgm:spPr/>
    </dgm:pt>
    <dgm:pt modelId="{403C0E7C-54AC-406F-BFEE-C54FA6297930}" type="pres">
      <dgm:prSet presAssocID="{F1E6DA9D-3E15-4268-8109-0694AC77DA5E}" presName="connTx" presStyleLbl="parChTrans1D2" presStyleIdx="0" presStyleCnt="2"/>
      <dgm:spPr/>
    </dgm:pt>
    <dgm:pt modelId="{49E6ED79-A903-44DE-8709-CCADB72DA66B}" type="pres">
      <dgm:prSet presAssocID="{8D073FB6-8CD1-49BC-B71C-1770D1789B42}" presName="Name30" presStyleCnt="0"/>
      <dgm:spPr/>
    </dgm:pt>
    <dgm:pt modelId="{95AD70D2-D7B6-46B7-8DBD-D69F7CC9E118}" type="pres">
      <dgm:prSet presAssocID="{8D073FB6-8CD1-49BC-B71C-1770D1789B42}" presName="level2Shape" presStyleLbl="node2" presStyleIdx="0" presStyleCnt="2" custLinFactY="-100000" custLinFactNeighborX="-12769" custLinFactNeighborY="-134956"/>
      <dgm:spPr/>
    </dgm:pt>
    <dgm:pt modelId="{CB5240F1-B55A-453B-9CCD-C12066F85DE8}" type="pres">
      <dgm:prSet presAssocID="{8D073FB6-8CD1-49BC-B71C-1770D1789B42}" presName="hierChild3" presStyleCnt="0"/>
      <dgm:spPr/>
    </dgm:pt>
    <dgm:pt modelId="{86A62DD5-4A63-400D-9CCC-97B60BD4A742}" type="pres">
      <dgm:prSet presAssocID="{E07F651A-D1B7-47C8-8D0F-ABF9B05A64E0}" presName="Name25" presStyleLbl="parChTrans1D3" presStyleIdx="0" presStyleCnt="3"/>
      <dgm:spPr/>
    </dgm:pt>
    <dgm:pt modelId="{8CEED233-F556-4C7C-BE74-748DDD882B82}" type="pres">
      <dgm:prSet presAssocID="{E07F651A-D1B7-47C8-8D0F-ABF9B05A64E0}" presName="connTx" presStyleLbl="parChTrans1D3" presStyleIdx="0" presStyleCnt="3"/>
      <dgm:spPr/>
    </dgm:pt>
    <dgm:pt modelId="{7A11DEE7-1C5C-4D99-BD32-2EBC8F6D4562}" type="pres">
      <dgm:prSet presAssocID="{5B32A6E6-86EC-4925-ABC0-1837794A5CE7}" presName="Name30" presStyleCnt="0"/>
      <dgm:spPr/>
    </dgm:pt>
    <dgm:pt modelId="{CEEE8176-35D1-4192-9728-E16633BB788F}" type="pres">
      <dgm:prSet presAssocID="{5B32A6E6-86EC-4925-ABC0-1837794A5CE7}" presName="level2Shape" presStyleLbl="node3" presStyleIdx="0" presStyleCnt="3"/>
      <dgm:spPr/>
    </dgm:pt>
    <dgm:pt modelId="{6D17517E-226C-441B-B204-E2CA6FD30164}" type="pres">
      <dgm:prSet presAssocID="{5B32A6E6-86EC-4925-ABC0-1837794A5CE7}" presName="hierChild3" presStyleCnt="0"/>
      <dgm:spPr/>
    </dgm:pt>
    <dgm:pt modelId="{489275FA-36DF-49A6-9C08-B8E8744A6D56}" type="pres">
      <dgm:prSet presAssocID="{E6323456-5927-457A-876E-4416577BB771}" presName="Name25" presStyleLbl="parChTrans1D4" presStyleIdx="0" presStyleCnt="6"/>
      <dgm:spPr/>
    </dgm:pt>
    <dgm:pt modelId="{E4F3A596-3326-45AA-B600-CD423CBB6B52}" type="pres">
      <dgm:prSet presAssocID="{E6323456-5927-457A-876E-4416577BB771}" presName="connTx" presStyleLbl="parChTrans1D4" presStyleIdx="0" presStyleCnt="6"/>
      <dgm:spPr/>
    </dgm:pt>
    <dgm:pt modelId="{F2957FBC-58B3-4FB0-9689-923928D3B3D1}" type="pres">
      <dgm:prSet presAssocID="{C2322179-ED35-4DDF-984B-137F11AABF00}" presName="Name30" presStyleCnt="0"/>
      <dgm:spPr/>
    </dgm:pt>
    <dgm:pt modelId="{D5BAAADF-3150-47B1-BBF5-2FFBFD86FCED}" type="pres">
      <dgm:prSet presAssocID="{C2322179-ED35-4DDF-984B-137F11AABF00}" presName="level2Shape" presStyleLbl="node4" presStyleIdx="0" presStyleCnt="6"/>
      <dgm:spPr/>
    </dgm:pt>
    <dgm:pt modelId="{4E403420-113B-4DD5-80AA-839E6A169A2B}" type="pres">
      <dgm:prSet presAssocID="{C2322179-ED35-4DDF-984B-137F11AABF00}" presName="hierChild3" presStyleCnt="0"/>
      <dgm:spPr/>
    </dgm:pt>
    <dgm:pt modelId="{B4C65A40-9E2A-41DC-9BAC-254A833EBF26}" type="pres">
      <dgm:prSet presAssocID="{D6E637EA-0270-4102-BFD5-0A464D5B9FC2}" presName="Name25" presStyleLbl="parChTrans1D4" presStyleIdx="1" presStyleCnt="6"/>
      <dgm:spPr/>
    </dgm:pt>
    <dgm:pt modelId="{216F138F-6DFC-4569-A69A-2019E963FC81}" type="pres">
      <dgm:prSet presAssocID="{D6E637EA-0270-4102-BFD5-0A464D5B9FC2}" presName="connTx" presStyleLbl="parChTrans1D4" presStyleIdx="1" presStyleCnt="6"/>
      <dgm:spPr/>
    </dgm:pt>
    <dgm:pt modelId="{BF7DE6B9-2D75-4F70-81DE-8FC3021B8EF6}" type="pres">
      <dgm:prSet presAssocID="{DA2CD9EB-472C-449A-A929-3164CDF89FC1}" presName="Name30" presStyleCnt="0"/>
      <dgm:spPr/>
    </dgm:pt>
    <dgm:pt modelId="{11E00BCE-51DB-4A00-A065-5BD7138A44DD}" type="pres">
      <dgm:prSet presAssocID="{DA2CD9EB-472C-449A-A929-3164CDF89FC1}" presName="level2Shape" presStyleLbl="node4" presStyleIdx="1" presStyleCnt="6"/>
      <dgm:spPr/>
    </dgm:pt>
    <dgm:pt modelId="{4D67990A-3A18-498D-B80F-64771CFFC008}" type="pres">
      <dgm:prSet presAssocID="{DA2CD9EB-472C-449A-A929-3164CDF89FC1}" presName="hierChild3" presStyleCnt="0"/>
      <dgm:spPr/>
    </dgm:pt>
    <dgm:pt modelId="{E75DE5B3-0F75-45A9-A4AC-33BDF190805E}" type="pres">
      <dgm:prSet presAssocID="{FF70D626-FA02-4265-9FA3-60B43DFF9C51}" presName="Name25" presStyleLbl="parChTrans1D3" presStyleIdx="1" presStyleCnt="3"/>
      <dgm:spPr/>
    </dgm:pt>
    <dgm:pt modelId="{6179EC4F-D4F5-4858-B2CE-F63D95CF5311}" type="pres">
      <dgm:prSet presAssocID="{FF70D626-FA02-4265-9FA3-60B43DFF9C51}" presName="connTx" presStyleLbl="parChTrans1D3" presStyleIdx="1" presStyleCnt="3"/>
      <dgm:spPr/>
    </dgm:pt>
    <dgm:pt modelId="{D347D974-A9A6-4EBC-BC4C-C7C688285105}" type="pres">
      <dgm:prSet presAssocID="{4DD9407C-460B-4D1E-95F3-7DC7B944C0AB}" presName="Name30" presStyleCnt="0"/>
      <dgm:spPr/>
    </dgm:pt>
    <dgm:pt modelId="{1011E41C-C8FA-4D0B-A0BF-5E8F7EFE30F6}" type="pres">
      <dgm:prSet presAssocID="{4DD9407C-460B-4D1E-95F3-7DC7B944C0AB}" presName="level2Shape" presStyleLbl="node3" presStyleIdx="1" presStyleCnt="3"/>
      <dgm:spPr/>
    </dgm:pt>
    <dgm:pt modelId="{3191A521-1B8F-4074-85EE-824B7FE0FF59}" type="pres">
      <dgm:prSet presAssocID="{4DD9407C-460B-4D1E-95F3-7DC7B944C0AB}" presName="hierChild3" presStyleCnt="0"/>
      <dgm:spPr/>
    </dgm:pt>
    <dgm:pt modelId="{FA8B4599-3A06-4087-A47C-01252F5134AA}" type="pres">
      <dgm:prSet presAssocID="{B447FC85-9F9F-4426-B14C-52C62C76149A}" presName="Name25" presStyleLbl="parChTrans1D4" presStyleIdx="2" presStyleCnt="6"/>
      <dgm:spPr/>
    </dgm:pt>
    <dgm:pt modelId="{2FD44EF0-25CF-4AA0-BADD-C499D08B8496}" type="pres">
      <dgm:prSet presAssocID="{B447FC85-9F9F-4426-B14C-52C62C76149A}" presName="connTx" presStyleLbl="parChTrans1D4" presStyleIdx="2" presStyleCnt="6"/>
      <dgm:spPr/>
    </dgm:pt>
    <dgm:pt modelId="{A611196B-E0EB-43AF-8982-EA337A21C8C2}" type="pres">
      <dgm:prSet presAssocID="{1922A216-6FB8-482C-BA23-FE4C46BB2C2E}" presName="Name30" presStyleCnt="0"/>
      <dgm:spPr/>
    </dgm:pt>
    <dgm:pt modelId="{F1D4DE00-DD38-423D-A61F-57CC7A686178}" type="pres">
      <dgm:prSet presAssocID="{1922A216-6FB8-482C-BA23-FE4C46BB2C2E}" presName="level2Shape" presStyleLbl="node4" presStyleIdx="2" presStyleCnt="6"/>
      <dgm:spPr/>
    </dgm:pt>
    <dgm:pt modelId="{897FEEE9-01E3-43B1-8111-72AF45FFBA3C}" type="pres">
      <dgm:prSet presAssocID="{1922A216-6FB8-482C-BA23-FE4C46BB2C2E}" presName="hierChild3" presStyleCnt="0"/>
      <dgm:spPr/>
    </dgm:pt>
    <dgm:pt modelId="{2E6CA308-8D40-4A42-853B-2FC7F54008FC}" type="pres">
      <dgm:prSet presAssocID="{C99598A1-C09E-409A-B632-CFE97764A2FC}" presName="Name25" presStyleLbl="parChTrans1D4" presStyleIdx="3" presStyleCnt="6"/>
      <dgm:spPr/>
    </dgm:pt>
    <dgm:pt modelId="{42FD8038-DD71-4393-99D3-761AFEED55A8}" type="pres">
      <dgm:prSet presAssocID="{C99598A1-C09E-409A-B632-CFE97764A2FC}" presName="connTx" presStyleLbl="parChTrans1D4" presStyleIdx="3" presStyleCnt="6"/>
      <dgm:spPr/>
    </dgm:pt>
    <dgm:pt modelId="{2B57DD35-7C6B-4B13-8C50-965158997416}" type="pres">
      <dgm:prSet presAssocID="{2F0A850E-3503-46B0-9065-7EC8D4E3BE63}" presName="Name30" presStyleCnt="0"/>
      <dgm:spPr/>
    </dgm:pt>
    <dgm:pt modelId="{62C0C9BA-4E7F-4F26-BA4E-6252A888F0B7}" type="pres">
      <dgm:prSet presAssocID="{2F0A850E-3503-46B0-9065-7EC8D4E3BE63}" presName="level2Shape" presStyleLbl="node4" presStyleIdx="3" presStyleCnt="6"/>
      <dgm:spPr/>
    </dgm:pt>
    <dgm:pt modelId="{C7715F4A-F09C-4435-9C33-B60F99C70B96}" type="pres">
      <dgm:prSet presAssocID="{2F0A850E-3503-46B0-9065-7EC8D4E3BE63}" presName="hierChild3" presStyleCnt="0"/>
      <dgm:spPr/>
    </dgm:pt>
    <dgm:pt modelId="{CF6FE85F-78B4-4DEC-8957-5E2C57573F7D}" type="pres">
      <dgm:prSet presAssocID="{C09ACD5B-BEEB-4F24-A419-1BA821DD4245}" presName="Name25" presStyleLbl="parChTrans1D3" presStyleIdx="2" presStyleCnt="3"/>
      <dgm:spPr/>
    </dgm:pt>
    <dgm:pt modelId="{337CDF42-E751-4B42-B59E-EB1740290248}" type="pres">
      <dgm:prSet presAssocID="{C09ACD5B-BEEB-4F24-A419-1BA821DD4245}" presName="connTx" presStyleLbl="parChTrans1D3" presStyleIdx="2" presStyleCnt="3"/>
      <dgm:spPr/>
    </dgm:pt>
    <dgm:pt modelId="{F5027875-4C88-4AFB-AFAF-3EBB0111D459}" type="pres">
      <dgm:prSet presAssocID="{A348CCD9-BAD3-4676-8FC1-A9B8275D5933}" presName="Name30" presStyleCnt="0"/>
      <dgm:spPr/>
    </dgm:pt>
    <dgm:pt modelId="{8A24F98F-0497-46A2-A3E4-D879EA5B0C00}" type="pres">
      <dgm:prSet presAssocID="{A348CCD9-BAD3-4676-8FC1-A9B8275D5933}" presName="level2Shape" presStyleLbl="node3" presStyleIdx="2" presStyleCnt="3"/>
      <dgm:spPr/>
    </dgm:pt>
    <dgm:pt modelId="{88DC8B7B-BFB7-47D0-9591-E203B8EAA1B0}" type="pres">
      <dgm:prSet presAssocID="{A348CCD9-BAD3-4676-8FC1-A9B8275D5933}" presName="hierChild3" presStyleCnt="0"/>
      <dgm:spPr/>
    </dgm:pt>
    <dgm:pt modelId="{6DF180AF-E3DE-47A1-B975-7BB65FC18014}" type="pres">
      <dgm:prSet presAssocID="{1555E199-3039-419E-B931-FA6576DC4E81}" presName="Name25" presStyleLbl="parChTrans1D4" presStyleIdx="4" presStyleCnt="6"/>
      <dgm:spPr/>
    </dgm:pt>
    <dgm:pt modelId="{42D514EB-DDB4-45E5-A5A6-8C519D209A54}" type="pres">
      <dgm:prSet presAssocID="{1555E199-3039-419E-B931-FA6576DC4E81}" presName="connTx" presStyleLbl="parChTrans1D4" presStyleIdx="4" presStyleCnt="6"/>
      <dgm:spPr/>
    </dgm:pt>
    <dgm:pt modelId="{7DF54485-B3A8-4083-894E-1A423E871BD1}" type="pres">
      <dgm:prSet presAssocID="{4CC335E2-4C5B-484F-98C1-947ED56BC018}" presName="Name30" presStyleCnt="0"/>
      <dgm:spPr/>
    </dgm:pt>
    <dgm:pt modelId="{B01624F6-34D2-430A-9E5F-056048AD71E1}" type="pres">
      <dgm:prSet presAssocID="{4CC335E2-4C5B-484F-98C1-947ED56BC018}" presName="level2Shape" presStyleLbl="node4" presStyleIdx="4" presStyleCnt="6"/>
      <dgm:spPr/>
    </dgm:pt>
    <dgm:pt modelId="{8DFF8F6F-9667-48BA-9EB9-CCE5FF6A24E6}" type="pres">
      <dgm:prSet presAssocID="{4CC335E2-4C5B-484F-98C1-947ED56BC018}" presName="hierChild3" presStyleCnt="0"/>
      <dgm:spPr/>
    </dgm:pt>
    <dgm:pt modelId="{582B1624-CFB9-4155-A13D-733F41F870E1}" type="pres">
      <dgm:prSet presAssocID="{1CB336AD-7B8A-4E77-98C9-B144AAE62BBB}" presName="Name25" presStyleLbl="parChTrans1D4" presStyleIdx="5" presStyleCnt="6"/>
      <dgm:spPr/>
    </dgm:pt>
    <dgm:pt modelId="{45D9CBFF-165E-4FB8-9CDC-8D422F47F97D}" type="pres">
      <dgm:prSet presAssocID="{1CB336AD-7B8A-4E77-98C9-B144AAE62BBB}" presName="connTx" presStyleLbl="parChTrans1D4" presStyleIdx="5" presStyleCnt="6"/>
      <dgm:spPr/>
    </dgm:pt>
    <dgm:pt modelId="{4F8C7FD3-4EBB-42A0-A972-15BF15C4D7AD}" type="pres">
      <dgm:prSet presAssocID="{7501C7E2-7FB0-420E-A6BB-E12CEC6193BA}" presName="Name30" presStyleCnt="0"/>
      <dgm:spPr/>
    </dgm:pt>
    <dgm:pt modelId="{866BAAEB-6849-4BBB-A062-081AD33532ED}" type="pres">
      <dgm:prSet presAssocID="{7501C7E2-7FB0-420E-A6BB-E12CEC6193BA}" presName="level2Shape" presStyleLbl="node4" presStyleIdx="5" presStyleCnt="6"/>
      <dgm:spPr/>
    </dgm:pt>
    <dgm:pt modelId="{05EB0E6C-9BE1-4251-B8C2-EEE9976FA8EE}" type="pres">
      <dgm:prSet presAssocID="{7501C7E2-7FB0-420E-A6BB-E12CEC6193BA}" presName="hierChild3" presStyleCnt="0"/>
      <dgm:spPr/>
    </dgm:pt>
    <dgm:pt modelId="{9CA8FB5C-50A7-4FAD-AF26-9EA0CCB2DA90}" type="pres">
      <dgm:prSet presAssocID="{8CEFA627-3A9A-44DB-84B5-5D9E32DA9D96}" presName="Name25" presStyleLbl="parChTrans1D2" presStyleIdx="1" presStyleCnt="2"/>
      <dgm:spPr/>
    </dgm:pt>
    <dgm:pt modelId="{52844CD6-4C82-434F-B952-CE13B83B6A39}" type="pres">
      <dgm:prSet presAssocID="{8CEFA627-3A9A-44DB-84B5-5D9E32DA9D96}" presName="connTx" presStyleLbl="parChTrans1D2" presStyleIdx="1" presStyleCnt="2"/>
      <dgm:spPr/>
    </dgm:pt>
    <dgm:pt modelId="{A40C9D79-201F-4C8B-8A02-D6CF63B220D4}" type="pres">
      <dgm:prSet presAssocID="{E03D74C0-F370-4DDD-8E85-5A4107D020A4}" presName="Name30" presStyleCnt="0"/>
      <dgm:spPr/>
    </dgm:pt>
    <dgm:pt modelId="{C061E002-D3F6-4313-BA49-8614DA4609FF}" type="pres">
      <dgm:prSet presAssocID="{E03D74C0-F370-4DDD-8E85-5A4107D020A4}" presName="level2Shape" presStyleLbl="node2" presStyleIdx="1" presStyleCnt="2" custLinFactY="22266" custLinFactNeighborX="-8726" custLinFactNeighborY="100000"/>
      <dgm:spPr/>
    </dgm:pt>
    <dgm:pt modelId="{75AFB796-8D93-4DDC-B961-36876C1319E9}" type="pres">
      <dgm:prSet presAssocID="{E03D74C0-F370-4DDD-8E85-5A4107D020A4}" presName="hierChild3" presStyleCnt="0"/>
      <dgm:spPr/>
    </dgm:pt>
    <dgm:pt modelId="{406D7335-384D-47EC-AC18-64ED15AF6A0E}" type="pres">
      <dgm:prSet presAssocID="{54DDF439-10FF-40BC-8612-EBE211E0DAA8}" presName="bgShapesFlow" presStyleCnt="0"/>
      <dgm:spPr/>
    </dgm:pt>
  </dgm:ptLst>
  <dgm:cxnLst>
    <dgm:cxn modelId="{6AAEC900-B251-42A6-8338-ED7F28BCA5E9}" type="presOf" srcId="{E07F651A-D1B7-47C8-8D0F-ABF9B05A64E0}" destId="{8CEED233-F556-4C7C-BE74-748DDD882B82}" srcOrd="1" destOrd="0" presId="urn:microsoft.com/office/officeart/2005/8/layout/hierarchy5"/>
    <dgm:cxn modelId="{690E2003-0F4B-4DBA-9B6A-8D46CF523CD5}" type="presOf" srcId="{C2322179-ED35-4DDF-984B-137F11AABF00}" destId="{D5BAAADF-3150-47B1-BBF5-2FFBFD86FCED}" srcOrd="0" destOrd="0" presId="urn:microsoft.com/office/officeart/2005/8/layout/hierarchy5"/>
    <dgm:cxn modelId="{835B8407-494E-41C2-9000-14069E306785}" type="presOf" srcId="{C99598A1-C09E-409A-B632-CFE97764A2FC}" destId="{42FD8038-DD71-4393-99D3-761AFEED55A8}" srcOrd="1" destOrd="0" presId="urn:microsoft.com/office/officeart/2005/8/layout/hierarchy5"/>
    <dgm:cxn modelId="{A475780A-A405-46DB-99CB-8E76D42FD966}" type="presOf" srcId="{C09ACD5B-BEEB-4F24-A419-1BA821DD4245}" destId="{337CDF42-E751-4B42-B59E-EB1740290248}" srcOrd="1" destOrd="0" presId="urn:microsoft.com/office/officeart/2005/8/layout/hierarchy5"/>
    <dgm:cxn modelId="{582D0716-EE71-42AB-AA06-38AB3DEB8469}" type="presOf" srcId="{FF70D626-FA02-4265-9FA3-60B43DFF9C51}" destId="{E75DE5B3-0F75-45A9-A4AC-33BDF190805E}" srcOrd="0" destOrd="0" presId="urn:microsoft.com/office/officeart/2005/8/layout/hierarchy5"/>
    <dgm:cxn modelId="{73C9AE1C-6738-4DB6-9EF6-CDA521E22EB0}" type="presOf" srcId="{F1E6DA9D-3E15-4268-8109-0694AC77DA5E}" destId="{403C0E7C-54AC-406F-BFEE-C54FA6297930}" srcOrd="1" destOrd="0" presId="urn:microsoft.com/office/officeart/2005/8/layout/hierarchy5"/>
    <dgm:cxn modelId="{FAB15C1F-A9A0-4148-9D04-BBD3C9092CBB}" type="presOf" srcId="{1922A216-6FB8-482C-BA23-FE4C46BB2C2E}" destId="{F1D4DE00-DD38-423D-A61F-57CC7A686178}" srcOrd="0" destOrd="0" presId="urn:microsoft.com/office/officeart/2005/8/layout/hierarchy5"/>
    <dgm:cxn modelId="{A70A2423-84B1-499C-B291-15C9CDF1BB39}" type="presOf" srcId="{A348CCD9-BAD3-4676-8FC1-A9B8275D5933}" destId="{8A24F98F-0497-46A2-A3E4-D879EA5B0C00}" srcOrd="0" destOrd="0" presId="urn:microsoft.com/office/officeart/2005/8/layout/hierarchy5"/>
    <dgm:cxn modelId="{16046728-0C61-4B90-A5D7-2731929148BD}" srcId="{54DDF439-10FF-40BC-8612-EBE211E0DAA8}" destId="{77059FDB-0595-4162-9C07-B65F853B5E46}" srcOrd="0" destOrd="0" parTransId="{415D1432-DD91-45D0-B119-C4E9DFABE309}" sibTransId="{45BA592F-1ABB-44EF-8807-8A6A24B5873C}"/>
    <dgm:cxn modelId="{682DFE28-0FCC-4176-96DB-577CC175A24D}" srcId="{8D073FB6-8CD1-49BC-B71C-1770D1789B42}" destId="{4DD9407C-460B-4D1E-95F3-7DC7B944C0AB}" srcOrd="1" destOrd="0" parTransId="{FF70D626-FA02-4265-9FA3-60B43DFF9C51}" sibTransId="{04DFF077-7CFF-4DFB-A2B1-C8B985AD7370}"/>
    <dgm:cxn modelId="{36D4FA2A-F96E-4C48-9458-072ADB3599C4}" type="presOf" srcId="{1CB336AD-7B8A-4E77-98C9-B144AAE62BBB}" destId="{582B1624-CFB9-4155-A13D-733F41F870E1}" srcOrd="0" destOrd="0" presId="urn:microsoft.com/office/officeart/2005/8/layout/hierarchy5"/>
    <dgm:cxn modelId="{4D5DA832-8667-43BC-BFEB-E893963ADFED}" type="presOf" srcId="{FF70D626-FA02-4265-9FA3-60B43DFF9C51}" destId="{6179EC4F-D4F5-4858-B2CE-F63D95CF5311}" srcOrd="1" destOrd="0" presId="urn:microsoft.com/office/officeart/2005/8/layout/hierarchy5"/>
    <dgm:cxn modelId="{4AD33E3D-24A6-4495-90F6-E166EDEF8D25}" srcId="{8D073FB6-8CD1-49BC-B71C-1770D1789B42}" destId="{5B32A6E6-86EC-4925-ABC0-1837794A5CE7}" srcOrd="0" destOrd="0" parTransId="{E07F651A-D1B7-47C8-8D0F-ABF9B05A64E0}" sibTransId="{12B001EC-8117-479E-A1FB-8CDADF5224F0}"/>
    <dgm:cxn modelId="{8540145D-0FF6-4FF4-8F06-C6D8E0407904}" type="presOf" srcId="{D6E637EA-0270-4102-BFD5-0A464D5B9FC2}" destId="{B4C65A40-9E2A-41DC-9BAC-254A833EBF26}" srcOrd="0" destOrd="0" presId="urn:microsoft.com/office/officeart/2005/8/layout/hierarchy5"/>
    <dgm:cxn modelId="{D8D88B65-29A6-4F74-9063-D0365D3AE5B1}" srcId="{4DD9407C-460B-4D1E-95F3-7DC7B944C0AB}" destId="{1922A216-6FB8-482C-BA23-FE4C46BB2C2E}" srcOrd="0" destOrd="0" parTransId="{B447FC85-9F9F-4426-B14C-52C62C76149A}" sibTransId="{626CA79D-0EF2-4D22-A988-4BA00374986E}"/>
    <dgm:cxn modelId="{7D447E46-0C89-45EC-B9EE-DEC566B5FEED}" type="presOf" srcId="{77059FDB-0595-4162-9C07-B65F853B5E46}" destId="{B1D1D582-6234-43C5-A87E-DBC57AED7D8B}" srcOrd="0" destOrd="0" presId="urn:microsoft.com/office/officeart/2005/8/layout/hierarchy5"/>
    <dgm:cxn modelId="{254D4447-581F-4F4D-B2AD-18ABE545207D}" type="presOf" srcId="{E6323456-5927-457A-876E-4416577BB771}" destId="{489275FA-36DF-49A6-9C08-B8E8744A6D56}" srcOrd="0" destOrd="0" presId="urn:microsoft.com/office/officeart/2005/8/layout/hierarchy5"/>
    <dgm:cxn modelId="{70FDD64F-70E8-4505-AB86-15BF75673666}" srcId="{77059FDB-0595-4162-9C07-B65F853B5E46}" destId="{8D073FB6-8CD1-49BC-B71C-1770D1789B42}" srcOrd="0" destOrd="0" parTransId="{F1E6DA9D-3E15-4268-8109-0694AC77DA5E}" sibTransId="{87BFA7EC-E0C3-4BD1-8163-0AD976CD5A40}"/>
    <dgm:cxn modelId="{434B1453-17C0-4E4C-8528-4B335EC8CCCB}" type="presOf" srcId="{E6323456-5927-457A-876E-4416577BB771}" destId="{E4F3A596-3326-45AA-B600-CD423CBB6B52}" srcOrd="1" destOrd="0" presId="urn:microsoft.com/office/officeart/2005/8/layout/hierarchy5"/>
    <dgm:cxn modelId="{E2C63C74-0A24-44F8-B2FF-B1E3FB7F7E19}" type="presOf" srcId="{4DD9407C-460B-4D1E-95F3-7DC7B944C0AB}" destId="{1011E41C-C8FA-4D0B-A0BF-5E8F7EFE30F6}" srcOrd="0" destOrd="0" presId="urn:microsoft.com/office/officeart/2005/8/layout/hierarchy5"/>
    <dgm:cxn modelId="{47507659-59C9-429A-9863-9DB8B9AEE23B}" type="presOf" srcId="{E03D74C0-F370-4DDD-8E85-5A4107D020A4}" destId="{C061E002-D3F6-4313-BA49-8614DA4609FF}" srcOrd="0" destOrd="0" presId="urn:microsoft.com/office/officeart/2005/8/layout/hierarchy5"/>
    <dgm:cxn modelId="{5F51A079-2CED-485C-BDF9-6994094DE878}" type="presOf" srcId="{B447FC85-9F9F-4426-B14C-52C62C76149A}" destId="{2FD44EF0-25CF-4AA0-BADD-C499D08B8496}" srcOrd="1" destOrd="0" presId="urn:microsoft.com/office/officeart/2005/8/layout/hierarchy5"/>
    <dgm:cxn modelId="{574AEA7A-23A9-4D4D-9190-7D577828E55A}" srcId="{A348CCD9-BAD3-4676-8FC1-A9B8275D5933}" destId="{7501C7E2-7FB0-420E-A6BB-E12CEC6193BA}" srcOrd="1" destOrd="0" parTransId="{1CB336AD-7B8A-4E77-98C9-B144AAE62BBB}" sibTransId="{A7EBD326-708D-4ED4-A061-629DCC156D8B}"/>
    <dgm:cxn modelId="{2517DD81-1E21-4B83-87E9-33295281AE5B}" srcId="{5B32A6E6-86EC-4925-ABC0-1837794A5CE7}" destId="{C2322179-ED35-4DDF-984B-137F11AABF00}" srcOrd="0" destOrd="0" parTransId="{E6323456-5927-457A-876E-4416577BB771}" sibTransId="{CC0D64B2-C676-42E3-8FB6-EB803C0F46CD}"/>
    <dgm:cxn modelId="{0E629382-05CF-4FCD-916D-88F377F667E0}" type="presOf" srcId="{8D073FB6-8CD1-49BC-B71C-1770D1789B42}" destId="{95AD70D2-D7B6-46B7-8DBD-D69F7CC9E118}" srcOrd="0" destOrd="0" presId="urn:microsoft.com/office/officeart/2005/8/layout/hierarchy5"/>
    <dgm:cxn modelId="{1AC88D89-EF04-44C0-B1E8-A53DCF3410A1}" type="presOf" srcId="{1555E199-3039-419E-B931-FA6576DC4E81}" destId="{42D514EB-DDB4-45E5-A5A6-8C519D209A54}" srcOrd="1" destOrd="0" presId="urn:microsoft.com/office/officeart/2005/8/layout/hierarchy5"/>
    <dgm:cxn modelId="{EF3B678C-528B-4BDD-9EB1-9C626FC5B14F}" type="presOf" srcId="{2F0A850E-3503-46B0-9065-7EC8D4E3BE63}" destId="{62C0C9BA-4E7F-4F26-BA4E-6252A888F0B7}" srcOrd="0" destOrd="0" presId="urn:microsoft.com/office/officeart/2005/8/layout/hierarchy5"/>
    <dgm:cxn modelId="{F45D728D-C1FD-463C-8205-5ABC257842A1}" srcId="{5B32A6E6-86EC-4925-ABC0-1837794A5CE7}" destId="{DA2CD9EB-472C-449A-A929-3164CDF89FC1}" srcOrd="1" destOrd="0" parTransId="{D6E637EA-0270-4102-BFD5-0A464D5B9FC2}" sibTransId="{DB431F17-0E8C-4F88-A839-E32B6DB767DA}"/>
    <dgm:cxn modelId="{F8EFD495-F572-4055-9EF0-30D6499F89F7}" type="presOf" srcId="{7501C7E2-7FB0-420E-A6BB-E12CEC6193BA}" destId="{866BAAEB-6849-4BBB-A062-081AD33532ED}" srcOrd="0" destOrd="0" presId="urn:microsoft.com/office/officeart/2005/8/layout/hierarchy5"/>
    <dgm:cxn modelId="{4ABC509F-29EB-456F-9CF4-74CCC65679B7}" srcId="{4DD9407C-460B-4D1E-95F3-7DC7B944C0AB}" destId="{2F0A850E-3503-46B0-9065-7EC8D4E3BE63}" srcOrd="1" destOrd="0" parTransId="{C99598A1-C09E-409A-B632-CFE97764A2FC}" sibTransId="{FD737EA2-7B45-477F-A558-8F257A15F110}"/>
    <dgm:cxn modelId="{E8BC62A0-F7A9-4F49-8151-A48C5239CCE3}" type="presOf" srcId="{DA2CD9EB-472C-449A-A929-3164CDF89FC1}" destId="{11E00BCE-51DB-4A00-A065-5BD7138A44DD}" srcOrd="0" destOrd="0" presId="urn:microsoft.com/office/officeart/2005/8/layout/hierarchy5"/>
    <dgm:cxn modelId="{6031FAA2-9F27-4B35-BE27-C0AB3BFB822C}" type="presOf" srcId="{1555E199-3039-419E-B931-FA6576DC4E81}" destId="{6DF180AF-E3DE-47A1-B975-7BB65FC18014}" srcOrd="0" destOrd="0" presId="urn:microsoft.com/office/officeart/2005/8/layout/hierarchy5"/>
    <dgm:cxn modelId="{CC4D7CA4-0185-482F-A626-C12408E1DD41}" type="presOf" srcId="{8CEFA627-3A9A-44DB-84B5-5D9E32DA9D96}" destId="{9CA8FB5C-50A7-4FAD-AF26-9EA0CCB2DA90}" srcOrd="0" destOrd="0" presId="urn:microsoft.com/office/officeart/2005/8/layout/hierarchy5"/>
    <dgm:cxn modelId="{8F4594AC-75BF-437C-9BB3-62FD6AF10E55}" srcId="{77059FDB-0595-4162-9C07-B65F853B5E46}" destId="{E03D74C0-F370-4DDD-8E85-5A4107D020A4}" srcOrd="1" destOrd="0" parTransId="{8CEFA627-3A9A-44DB-84B5-5D9E32DA9D96}" sibTransId="{F93495B0-6401-4C88-BCA0-CA07D3CBCB88}"/>
    <dgm:cxn modelId="{BE9441AD-7D7F-4CE5-9ACA-F4160509BD26}" type="presOf" srcId="{D6E637EA-0270-4102-BFD5-0A464D5B9FC2}" destId="{216F138F-6DFC-4569-A69A-2019E963FC81}" srcOrd="1" destOrd="0" presId="urn:microsoft.com/office/officeart/2005/8/layout/hierarchy5"/>
    <dgm:cxn modelId="{F968D7AF-3D7F-426D-B5F3-D16D06D11D81}" type="presOf" srcId="{5B32A6E6-86EC-4925-ABC0-1837794A5CE7}" destId="{CEEE8176-35D1-4192-9728-E16633BB788F}" srcOrd="0" destOrd="0" presId="urn:microsoft.com/office/officeart/2005/8/layout/hierarchy5"/>
    <dgm:cxn modelId="{E6A197B5-305C-48D8-A5AB-A11E12853BD0}" srcId="{A348CCD9-BAD3-4676-8FC1-A9B8275D5933}" destId="{4CC335E2-4C5B-484F-98C1-947ED56BC018}" srcOrd="0" destOrd="0" parTransId="{1555E199-3039-419E-B931-FA6576DC4E81}" sibTransId="{1286FAE9-2E03-4E80-97F4-4E71028C4306}"/>
    <dgm:cxn modelId="{3BD48EB6-BB89-4509-AAB5-0A933DCB6528}" type="presOf" srcId="{4CC335E2-4C5B-484F-98C1-947ED56BC018}" destId="{B01624F6-34D2-430A-9E5F-056048AD71E1}" srcOrd="0" destOrd="0" presId="urn:microsoft.com/office/officeart/2005/8/layout/hierarchy5"/>
    <dgm:cxn modelId="{3F36DFB8-2655-4589-82DC-3F31A644AC37}" type="presOf" srcId="{C09ACD5B-BEEB-4F24-A419-1BA821DD4245}" destId="{CF6FE85F-78B4-4DEC-8957-5E2C57573F7D}" srcOrd="0" destOrd="0" presId="urn:microsoft.com/office/officeart/2005/8/layout/hierarchy5"/>
    <dgm:cxn modelId="{133553BB-D3EB-47E9-8695-88625F035D1F}" type="presOf" srcId="{8CEFA627-3A9A-44DB-84B5-5D9E32DA9D96}" destId="{52844CD6-4C82-434F-B952-CE13B83B6A39}" srcOrd="1" destOrd="0" presId="urn:microsoft.com/office/officeart/2005/8/layout/hierarchy5"/>
    <dgm:cxn modelId="{EDAF4AC3-A523-4C38-ABC2-5224EC794083}" srcId="{8D073FB6-8CD1-49BC-B71C-1770D1789B42}" destId="{A348CCD9-BAD3-4676-8FC1-A9B8275D5933}" srcOrd="2" destOrd="0" parTransId="{C09ACD5B-BEEB-4F24-A419-1BA821DD4245}" sibTransId="{D1038C94-65A5-43F1-A638-B4164B4E8EDB}"/>
    <dgm:cxn modelId="{CF683DC8-2894-4DCD-A339-A6BC2883E0C9}" type="presOf" srcId="{54DDF439-10FF-40BC-8612-EBE211E0DAA8}" destId="{5BF4D1A1-CE82-4067-BCF8-53F2A23316EA}" srcOrd="0" destOrd="0" presId="urn:microsoft.com/office/officeart/2005/8/layout/hierarchy5"/>
    <dgm:cxn modelId="{11F757CD-B315-4675-8932-806D40BD352E}" type="presOf" srcId="{1CB336AD-7B8A-4E77-98C9-B144AAE62BBB}" destId="{45D9CBFF-165E-4FB8-9CDC-8D422F47F97D}" srcOrd="1" destOrd="0" presId="urn:microsoft.com/office/officeart/2005/8/layout/hierarchy5"/>
    <dgm:cxn modelId="{68E215D5-05FD-42BC-AB81-82F7F26F6D07}" type="presOf" srcId="{C99598A1-C09E-409A-B632-CFE97764A2FC}" destId="{2E6CA308-8D40-4A42-853B-2FC7F54008FC}" srcOrd="0" destOrd="0" presId="urn:microsoft.com/office/officeart/2005/8/layout/hierarchy5"/>
    <dgm:cxn modelId="{1216B9EA-BFAE-40CF-98C6-D32C5276144D}" type="presOf" srcId="{F1E6DA9D-3E15-4268-8109-0694AC77DA5E}" destId="{87E898FB-2BB1-44D1-B016-944267D3E986}" srcOrd="0" destOrd="0" presId="urn:microsoft.com/office/officeart/2005/8/layout/hierarchy5"/>
    <dgm:cxn modelId="{601584EB-C94D-415B-9EB8-FADE02464D2A}" type="presOf" srcId="{B447FC85-9F9F-4426-B14C-52C62C76149A}" destId="{FA8B4599-3A06-4087-A47C-01252F5134AA}" srcOrd="0" destOrd="0" presId="urn:microsoft.com/office/officeart/2005/8/layout/hierarchy5"/>
    <dgm:cxn modelId="{D10975F5-D74B-42F1-AADC-ECF13E22E965}" type="presOf" srcId="{E07F651A-D1B7-47C8-8D0F-ABF9B05A64E0}" destId="{86A62DD5-4A63-400D-9CCC-97B60BD4A742}" srcOrd="0" destOrd="0" presId="urn:microsoft.com/office/officeart/2005/8/layout/hierarchy5"/>
    <dgm:cxn modelId="{23F7645C-CC41-4E27-9ADD-1E4252A992D2}" type="presParOf" srcId="{5BF4D1A1-CE82-4067-BCF8-53F2A23316EA}" destId="{AEFBB6DC-37BC-4719-A998-F68374257C8E}" srcOrd="0" destOrd="0" presId="urn:microsoft.com/office/officeart/2005/8/layout/hierarchy5"/>
    <dgm:cxn modelId="{6D4C9A3A-86DD-4C69-B092-547C890D6251}" type="presParOf" srcId="{AEFBB6DC-37BC-4719-A998-F68374257C8E}" destId="{2C3DB272-7917-404F-93DC-17B290210111}" srcOrd="0" destOrd="0" presId="urn:microsoft.com/office/officeart/2005/8/layout/hierarchy5"/>
    <dgm:cxn modelId="{B0AD1CDB-08FF-4B0C-989B-142AF14E3722}" type="presParOf" srcId="{2C3DB272-7917-404F-93DC-17B290210111}" destId="{9DEB4519-1265-46F9-843F-02DEE1F229E2}" srcOrd="0" destOrd="0" presId="urn:microsoft.com/office/officeart/2005/8/layout/hierarchy5"/>
    <dgm:cxn modelId="{7D901DDA-0C39-41FE-B36B-CC245611038D}" type="presParOf" srcId="{9DEB4519-1265-46F9-843F-02DEE1F229E2}" destId="{B1D1D582-6234-43C5-A87E-DBC57AED7D8B}" srcOrd="0" destOrd="0" presId="urn:microsoft.com/office/officeart/2005/8/layout/hierarchy5"/>
    <dgm:cxn modelId="{EC6114F9-B8E3-4BC8-9B9D-5F7C3DBC6A8C}" type="presParOf" srcId="{9DEB4519-1265-46F9-843F-02DEE1F229E2}" destId="{5D2158F2-3ED6-4837-B2C2-DF67FF3F3B7E}" srcOrd="1" destOrd="0" presId="urn:microsoft.com/office/officeart/2005/8/layout/hierarchy5"/>
    <dgm:cxn modelId="{656E846E-744E-4CE2-AE58-828375ACF6AB}" type="presParOf" srcId="{5D2158F2-3ED6-4837-B2C2-DF67FF3F3B7E}" destId="{87E898FB-2BB1-44D1-B016-944267D3E986}" srcOrd="0" destOrd="0" presId="urn:microsoft.com/office/officeart/2005/8/layout/hierarchy5"/>
    <dgm:cxn modelId="{4C2F5E3F-02DB-4C8D-8D9A-0F9FA9F159F4}" type="presParOf" srcId="{87E898FB-2BB1-44D1-B016-944267D3E986}" destId="{403C0E7C-54AC-406F-BFEE-C54FA6297930}" srcOrd="0" destOrd="0" presId="urn:microsoft.com/office/officeart/2005/8/layout/hierarchy5"/>
    <dgm:cxn modelId="{30019CA4-3860-46DF-909A-42C51B752167}" type="presParOf" srcId="{5D2158F2-3ED6-4837-B2C2-DF67FF3F3B7E}" destId="{49E6ED79-A903-44DE-8709-CCADB72DA66B}" srcOrd="1" destOrd="0" presId="urn:microsoft.com/office/officeart/2005/8/layout/hierarchy5"/>
    <dgm:cxn modelId="{09C71F16-C041-49B5-BFD1-1B2910A991E2}" type="presParOf" srcId="{49E6ED79-A903-44DE-8709-CCADB72DA66B}" destId="{95AD70D2-D7B6-46B7-8DBD-D69F7CC9E118}" srcOrd="0" destOrd="0" presId="urn:microsoft.com/office/officeart/2005/8/layout/hierarchy5"/>
    <dgm:cxn modelId="{0211036F-2732-4A8E-89D3-14100B3692D0}" type="presParOf" srcId="{49E6ED79-A903-44DE-8709-CCADB72DA66B}" destId="{CB5240F1-B55A-453B-9CCD-C12066F85DE8}" srcOrd="1" destOrd="0" presId="urn:microsoft.com/office/officeart/2005/8/layout/hierarchy5"/>
    <dgm:cxn modelId="{7E7D1D37-D076-4959-93BF-3D996CB93F63}" type="presParOf" srcId="{CB5240F1-B55A-453B-9CCD-C12066F85DE8}" destId="{86A62DD5-4A63-400D-9CCC-97B60BD4A742}" srcOrd="0" destOrd="0" presId="urn:microsoft.com/office/officeart/2005/8/layout/hierarchy5"/>
    <dgm:cxn modelId="{898150C7-6D0C-49A4-B71D-3535B683737A}" type="presParOf" srcId="{86A62DD5-4A63-400D-9CCC-97B60BD4A742}" destId="{8CEED233-F556-4C7C-BE74-748DDD882B82}" srcOrd="0" destOrd="0" presId="urn:microsoft.com/office/officeart/2005/8/layout/hierarchy5"/>
    <dgm:cxn modelId="{B541F1FF-E5B5-4F90-A9BC-5BA16612F69D}" type="presParOf" srcId="{CB5240F1-B55A-453B-9CCD-C12066F85DE8}" destId="{7A11DEE7-1C5C-4D99-BD32-2EBC8F6D4562}" srcOrd="1" destOrd="0" presId="urn:microsoft.com/office/officeart/2005/8/layout/hierarchy5"/>
    <dgm:cxn modelId="{0FBD5B27-20D5-4181-8F2F-794EAB98D073}" type="presParOf" srcId="{7A11DEE7-1C5C-4D99-BD32-2EBC8F6D4562}" destId="{CEEE8176-35D1-4192-9728-E16633BB788F}" srcOrd="0" destOrd="0" presId="urn:microsoft.com/office/officeart/2005/8/layout/hierarchy5"/>
    <dgm:cxn modelId="{7F6EE7A0-F743-47A0-91EC-1381D78E2A41}" type="presParOf" srcId="{7A11DEE7-1C5C-4D99-BD32-2EBC8F6D4562}" destId="{6D17517E-226C-441B-B204-E2CA6FD30164}" srcOrd="1" destOrd="0" presId="urn:microsoft.com/office/officeart/2005/8/layout/hierarchy5"/>
    <dgm:cxn modelId="{3AB14AA9-DBDC-4ACA-905F-72EB40C720E4}" type="presParOf" srcId="{6D17517E-226C-441B-B204-E2CA6FD30164}" destId="{489275FA-36DF-49A6-9C08-B8E8744A6D56}" srcOrd="0" destOrd="0" presId="urn:microsoft.com/office/officeart/2005/8/layout/hierarchy5"/>
    <dgm:cxn modelId="{896129CF-208B-4836-A068-0074C3BA9870}" type="presParOf" srcId="{489275FA-36DF-49A6-9C08-B8E8744A6D56}" destId="{E4F3A596-3326-45AA-B600-CD423CBB6B52}" srcOrd="0" destOrd="0" presId="urn:microsoft.com/office/officeart/2005/8/layout/hierarchy5"/>
    <dgm:cxn modelId="{FDD9C5AA-9CDC-4C37-BC82-E2C1E776C6AC}" type="presParOf" srcId="{6D17517E-226C-441B-B204-E2CA6FD30164}" destId="{F2957FBC-58B3-4FB0-9689-923928D3B3D1}" srcOrd="1" destOrd="0" presId="urn:microsoft.com/office/officeart/2005/8/layout/hierarchy5"/>
    <dgm:cxn modelId="{64BC22CA-6652-41DE-8C7A-6710EDEF589B}" type="presParOf" srcId="{F2957FBC-58B3-4FB0-9689-923928D3B3D1}" destId="{D5BAAADF-3150-47B1-BBF5-2FFBFD86FCED}" srcOrd="0" destOrd="0" presId="urn:microsoft.com/office/officeart/2005/8/layout/hierarchy5"/>
    <dgm:cxn modelId="{61341289-F697-4513-A751-5D3D413FD307}" type="presParOf" srcId="{F2957FBC-58B3-4FB0-9689-923928D3B3D1}" destId="{4E403420-113B-4DD5-80AA-839E6A169A2B}" srcOrd="1" destOrd="0" presId="urn:microsoft.com/office/officeart/2005/8/layout/hierarchy5"/>
    <dgm:cxn modelId="{06034AD9-C628-4E95-875A-12E7220694FA}" type="presParOf" srcId="{6D17517E-226C-441B-B204-E2CA6FD30164}" destId="{B4C65A40-9E2A-41DC-9BAC-254A833EBF26}" srcOrd="2" destOrd="0" presId="urn:microsoft.com/office/officeart/2005/8/layout/hierarchy5"/>
    <dgm:cxn modelId="{A0EBB4CF-DAA9-497F-ACB0-F4B330C79DE2}" type="presParOf" srcId="{B4C65A40-9E2A-41DC-9BAC-254A833EBF26}" destId="{216F138F-6DFC-4569-A69A-2019E963FC81}" srcOrd="0" destOrd="0" presId="urn:microsoft.com/office/officeart/2005/8/layout/hierarchy5"/>
    <dgm:cxn modelId="{DD5954B2-1924-4771-8020-0BEF66906F84}" type="presParOf" srcId="{6D17517E-226C-441B-B204-E2CA6FD30164}" destId="{BF7DE6B9-2D75-4F70-81DE-8FC3021B8EF6}" srcOrd="3" destOrd="0" presId="urn:microsoft.com/office/officeart/2005/8/layout/hierarchy5"/>
    <dgm:cxn modelId="{A97291A1-779E-48A2-B9CE-E42A0CBAFFC9}" type="presParOf" srcId="{BF7DE6B9-2D75-4F70-81DE-8FC3021B8EF6}" destId="{11E00BCE-51DB-4A00-A065-5BD7138A44DD}" srcOrd="0" destOrd="0" presId="urn:microsoft.com/office/officeart/2005/8/layout/hierarchy5"/>
    <dgm:cxn modelId="{EE8EAD1C-CFC2-430C-A326-93F93E5063FC}" type="presParOf" srcId="{BF7DE6B9-2D75-4F70-81DE-8FC3021B8EF6}" destId="{4D67990A-3A18-498D-B80F-64771CFFC008}" srcOrd="1" destOrd="0" presId="urn:microsoft.com/office/officeart/2005/8/layout/hierarchy5"/>
    <dgm:cxn modelId="{18D0261A-61EB-4BE4-9E5C-872AC9983E9F}" type="presParOf" srcId="{CB5240F1-B55A-453B-9CCD-C12066F85DE8}" destId="{E75DE5B3-0F75-45A9-A4AC-33BDF190805E}" srcOrd="2" destOrd="0" presId="urn:microsoft.com/office/officeart/2005/8/layout/hierarchy5"/>
    <dgm:cxn modelId="{B5CADCA0-EC9A-4BC2-B9FD-A7D930A41079}" type="presParOf" srcId="{E75DE5B3-0F75-45A9-A4AC-33BDF190805E}" destId="{6179EC4F-D4F5-4858-B2CE-F63D95CF5311}" srcOrd="0" destOrd="0" presId="urn:microsoft.com/office/officeart/2005/8/layout/hierarchy5"/>
    <dgm:cxn modelId="{BA500B4F-FC03-4A78-B3F6-C9F46CDD2B2C}" type="presParOf" srcId="{CB5240F1-B55A-453B-9CCD-C12066F85DE8}" destId="{D347D974-A9A6-4EBC-BC4C-C7C688285105}" srcOrd="3" destOrd="0" presId="urn:microsoft.com/office/officeart/2005/8/layout/hierarchy5"/>
    <dgm:cxn modelId="{0E7AC5CC-C9BF-45CF-94B8-4D82A946F9C6}" type="presParOf" srcId="{D347D974-A9A6-4EBC-BC4C-C7C688285105}" destId="{1011E41C-C8FA-4D0B-A0BF-5E8F7EFE30F6}" srcOrd="0" destOrd="0" presId="urn:microsoft.com/office/officeart/2005/8/layout/hierarchy5"/>
    <dgm:cxn modelId="{456AF30E-C6A7-4484-ABFF-060D3BCFDC56}" type="presParOf" srcId="{D347D974-A9A6-4EBC-BC4C-C7C688285105}" destId="{3191A521-1B8F-4074-85EE-824B7FE0FF59}" srcOrd="1" destOrd="0" presId="urn:microsoft.com/office/officeart/2005/8/layout/hierarchy5"/>
    <dgm:cxn modelId="{EA52C3F0-A4E2-4A69-BA63-6D84F0447C11}" type="presParOf" srcId="{3191A521-1B8F-4074-85EE-824B7FE0FF59}" destId="{FA8B4599-3A06-4087-A47C-01252F5134AA}" srcOrd="0" destOrd="0" presId="urn:microsoft.com/office/officeart/2005/8/layout/hierarchy5"/>
    <dgm:cxn modelId="{677DDB46-33F1-43F9-9F4C-73A4DF55958E}" type="presParOf" srcId="{FA8B4599-3A06-4087-A47C-01252F5134AA}" destId="{2FD44EF0-25CF-4AA0-BADD-C499D08B8496}" srcOrd="0" destOrd="0" presId="urn:microsoft.com/office/officeart/2005/8/layout/hierarchy5"/>
    <dgm:cxn modelId="{0260690D-B5BB-42D3-8867-9EA9E47B5ADA}" type="presParOf" srcId="{3191A521-1B8F-4074-85EE-824B7FE0FF59}" destId="{A611196B-E0EB-43AF-8982-EA337A21C8C2}" srcOrd="1" destOrd="0" presId="urn:microsoft.com/office/officeart/2005/8/layout/hierarchy5"/>
    <dgm:cxn modelId="{C70F073D-AC84-4DBD-8E8E-B501AB0AB4CA}" type="presParOf" srcId="{A611196B-E0EB-43AF-8982-EA337A21C8C2}" destId="{F1D4DE00-DD38-423D-A61F-57CC7A686178}" srcOrd="0" destOrd="0" presId="urn:microsoft.com/office/officeart/2005/8/layout/hierarchy5"/>
    <dgm:cxn modelId="{A1545242-E2F7-4B90-AE7F-0E22B460E05A}" type="presParOf" srcId="{A611196B-E0EB-43AF-8982-EA337A21C8C2}" destId="{897FEEE9-01E3-43B1-8111-72AF45FFBA3C}" srcOrd="1" destOrd="0" presId="urn:microsoft.com/office/officeart/2005/8/layout/hierarchy5"/>
    <dgm:cxn modelId="{BE9FAA90-36AC-461E-84F5-BEAE617F46FD}" type="presParOf" srcId="{3191A521-1B8F-4074-85EE-824B7FE0FF59}" destId="{2E6CA308-8D40-4A42-853B-2FC7F54008FC}" srcOrd="2" destOrd="0" presId="urn:microsoft.com/office/officeart/2005/8/layout/hierarchy5"/>
    <dgm:cxn modelId="{60DDEFA1-3CB6-4FB9-8A10-A6CF5B641460}" type="presParOf" srcId="{2E6CA308-8D40-4A42-853B-2FC7F54008FC}" destId="{42FD8038-DD71-4393-99D3-761AFEED55A8}" srcOrd="0" destOrd="0" presId="urn:microsoft.com/office/officeart/2005/8/layout/hierarchy5"/>
    <dgm:cxn modelId="{AFF4867C-A58D-4115-86BE-DA35AE5FFAF3}" type="presParOf" srcId="{3191A521-1B8F-4074-85EE-824B7FE0FF59}" destId="{2B57DD35-7C6B-4B13-8C50-965158997416}" srcOrd="3" destOrd="0" presId="urn:microsoft.com/office/officeart/2005/8/layout/hierarchy5"/>
    <dgm:cxn modelId="{BD2BCF96-B7F6-4CA1-8957-3B2A2E8CBFB9}" type="presParOf" srcId="{2B57DD35-7C6B-4B13-8C50-965158997416}" destId="{62C0C9BA-4E7F-4F26-BA4E-6252A888F0B7}" srcOrd="0" destOrd="0" presId="urn:microsoft.com/office/officeart/2005/8/layout/hierarchy5"/>
    <dgm:cxn modelId="{8A759C38-8B17-4208-BEB1-BE3466A8F899}" type="presParOf" srcId="{2B57DD35-7C6B-4B13-8C50-965158997416}" destId="{C7715F4A-F09C-4435-9C33-B60F99C70B96}" srcOrd="1" destOrd="0" presId="urn:microsoft.com/office/officeart/2005/8/layout/hierarchy5"/>
    <dgm:cxn modelId="{04352A39-B610-4CAB-A243-89AEC7D5C854}" type="presParOf" srcId="{CB5240F1-B55A-453B-9CCD-C12066F85DE8}" destId="{CF6FE85F-78B4-4DEC-8957-5E2C57573F7D}" srcOrd="4" destOrd="0" presId="urn:microsoft.com/office/officeart/2005/8/layout/hierarchy5"/>
    <dgm:cxn modelId="{F18B6C98-1C51-4B82-BF80-D60F6B82BD10}" type="presParOf" srcId="{CF6FE85F-78B4-4DEC-8957-5E2C57573F7D}" destId="{337CDF42-E751-4B42-B59E-EB1740290248}" srcOrd="0" destOrd="0" presId="urn:microsoft.com/office/officeart/2005/8/layout/hierarchy5"/>
    <dgm:cxn modelId="{BFCFB864-D995-4A76-AAB5-0103D11FAE18}" type="presParOf" srcId="{CB5240F1-B55A-453B-9CCD-C12066F85DE8}" destId="{F5027875-4C88-4AFB-AFAF-3EBB0111D459}" srcOrd="5" destOrd="0" presId="urn:microsoft.com/office/officeart/2005/8/layout/hierarchy5"/>
    <dgm:cxn modelId="{C4965110-E5F7-4B63-B146-AD26684F0942}" type="presParOf" srcId="{F5027875-4C88-4AFB-AFAF-3EBB0111D459}" destId="{8A24F98F-0497-46A2-A3E4-D879EA5B0C00}" srcOrd="0" destOrd="0" presId="urn:microsoft.com/office/officeart/2005/8/layout/hierarchy5"/>
    <dgm:cxn modelId="{E26EE7B0-10A2-4186-8CA1-B2F9C7A20C09}" type="presParOf" srcId="{F5027875-4C88-4AFB-AFAF-3EBB0111D459}" destId="{88DC8B7B-BFB7-47D0-9591-E203B8EAA1B0}" srcOrd="1" destOrd="0" presId="urn:microsoft.com/office/officeart/2005/8/layout/hierarchy5"/>
    <dgm:cxn modelId="{572F18ED-1CA4-48B7-8F19-6AEC26C42551}" type="presParOf" srcId="{88DC8B7B-BFB7-47D0-9591-E203B8EAA1B0}" destId="{6DF180AF-E3DE-47A1-B975-7BB65FC18014}" srcOrd="0" destOrd="0" presId="urn:microsoft.com/office/officeart/2005/8/layout/hierarchy5"/>
    <dgm:cxn modelId="{C5E4AC28-AF60-498C-8021-8EC20378C504}" type="presParOf" srcId="{6DF180AF-E3DE-47A1-B975-7BB65FC18014}" destId="{42D514EB-DDB4-45E5-A5A6-8C519D209A54}" srcOrd="0" destOrd="0" presId="urn:microsoft.com/office/officeart/2005/8/layout/hierarchy5"/>
    <dgm:cxn modelId="{7CAF93A1-3AE7-4C96-91C5-6555F69CDCA3}" type="presParOf" srcId="{88DC8B7B-BFB7-47D0-9591-E203B8EAA1B0}" destId="{7DF54485-B3A8-4083-894E-1A423E871BD1}" srcOrd="1" destOrd="0" presId="urn:microsoft.com/office/officeart/2005/8/layout/hierarchy5"/>
    <dgm:cxn modelId="{54112000-8700-4D69-AA82-8EC325E0004E}" type="presParOf" srcId="{7DF54485-B3A8-4083-894E-1A423E871BD1}" destId="{B01624F6-34D2-430A-9E5F-056048AD71E1}" srcOrd="0" destOrd="0" presId="urn:microsoft.com/office/officeart/2005/8/layout/hierarchy5"/>
    <dgm:cxn modelId="{E355E428-E667-40F2-ACCF-1F1AD3FBB004}" type="presParOf" srcId="{7DF54485-B3A8-4083-894E-1A423E871BD1}" destId="{8DFF8F6F-9667-48BA-9EB9-CCE5FF6A24E6}" srcOrd="1" destOrd="0" presId="urn:microsoft.com/office/officeart/2005/8/layout/hierarchy5"/>
    <dgm:cxn modelId="{9A6065AF-9873-467C-B22C-9D54FC9E4C06}" type="presParOf" srcId="{88DC8B7B-BFB7-47D0-9591-E203B8EAA1B0}" destId="{582B1624-CFB9-4155-A13D-733F41F870E1}" srcOrd="2" destOrd="0" presId="urn:microsoft.com/office/officeart/2005/8/layout/hierarchy5"/>
    <dgm:cxn modelId="{92EB7B6A-3C16-4636-B4CF-EA64862AE8CC}" type="presParOf" srcId="{582B1624-CFB9-4155-A13D-733F41F870E1}" destId="{45D9CBFF-165E-4FB8-9CDC-8D422F47F97D}" srcOrd="0" destOrd="0" presId="urn:microsoft.com/office/officeart/2005/8/layout/hierarchy5"/>
    <dgm:cxn modelId="{0920A81B-2960-4733-BFA6-7693D0AD02B9}" type="presParOf" srcId="{88DC8B7B-BFB7-47D0-9591-E203B8EAA1B0}" destId="{4F8C7FD3-4EBB-42A0-A972-15BF15C4D7AD}" srcOrd="3" destOrd="0" presId="urn:microsoft.com/office/officeart/2005/8/layout/hierarchy5"/>
    <dgm:cxn modelId="{6FF0DDCD-1389-4B3A-93EB-72DF8DE968A8}" type="presParOf" srcId="{4F8C7FD3-4EBB-42A0-A972-15BF15C4D7AD}" destId="{866BAAEB-6849-4BBB-A062-081AD33532ED}" srcOrd="0" destOrd="0" presId="urn:microsoft.com/office/officeart/2005/8/layout/hierarchy5"/>
    <dgm:cxn modelId="{983125C4-4BAA-4442-B829-4228FE4B330B}" type="presParOf" srcId="{4F8C7FD3-4EBB-42A0-A972-15BF15C4D7AD}" destId="{05EB0E6C-9BE1-4251-B8C2-EEE9976FA8EE}" srcOrd="1" destOrd="0" presId="urn:microsoft.com/office/officeart/2005/8/layout/hierarchy5"/>
    <dgm:cxn modelId="{3C3DF3FB-B243-4A63-B39D-06D9800C7204}" type="presParOf" srcId="{5D2158F2-3ED6-4837-B2C2-DF67FF3F3B7E}" destId="{9CA8FB5C-50A7-4FAD-AF26-9EA0CCB2DA90}" srcOrd="2" destOrd="0" presId="urn:microsoft.com/office/officeart/2005/8/layout/hierarchy5"/>
    <dgm:cxn modelId="{759DDAA0-00B1-4E3E-B28B-C9BFE75C178A}" type="presParOf" srcId="{9CA8FB5C-50A7-4FAD-AF26-9EA0CCB2DA90}" destId="{52844CD6-4C82-434F-B952-CE13B83B6A39}" srcOrd="0" destOrd="0" presId="urn:microsoft.com/office/officeart/2005/8/layout/hierarchy5"/>
    <dgm:cxn modelId="{F8C9C65A-7532-422A-8828-56EB287FE0F1}" type="presParOf" srcId="{5D2158F2-3ED6-4837-B2C2-DF67FF3F3B7E}" destId="{A40C9D79-201F-4C8B-8A02-D6CF63B220D4}" srcOrd="3" destOrd="0" presId="urn:microsoft.com/office/officeart/2005/8/layout/hierarchy5"/>
    <dgm:cxn modelId="{C21A31C1-61B5-4B78-BE68-6D603C2CE7CC}" type="presParOf" srcId="{A40C9D79-201F-4C8B-8A02-D6CF63B220D4}" destId="{C061E002-D3F6-4313-BA49-8614DA4609FF}" srcOrd="0" destOrd="0" presId="urn:microsoft.com/office/officeart/2005/8/layout/hierarchy5"/>
    <dgm:cxn modelId="{DF5D75FD-0C11-4423-9F5E-60C1BB98895C}" type="presParOf" srcId="{A40C9D79-201F-4C8B-8A02-D6CF63B220D4}" destId="{75AFB796-8D93-4DDC-B961-36876C1319E9}" srcOrd="1" destOrd="0" presId="urn:microsoft.com/office/officeart/2005/8/layout/hierarchy5"/>
    <dgm:cxn modelId="{B5A53A7E-B9EA-475C-B554-028DD644B7F2}" type="presParOf" srcId="{5BF4D1A1-CE82-4067-BCF8-53F2A23316EA}" destId="{406D7335-384D-47EC-AC18-64ED15AF6A0E}" srcOrd="1" destOrd="0" presId="urn:microsoft.com/office/officeart/2005/8/layout/hierarchy5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1D1D582-6234-43C5-A87E-DBC57AED7D8B}">
      <dsp:nvSpPr>
        <dsp:cNvPr id="0" name=""/>
        <dsp:cNvSpPr/>
      </dsp:nvSpPr>
      <dsp:spPr>
        <a:xfrm>
          <a:off x="1687" y="2198917"/>
          <a:ext cx="1037812" cy="518906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Nursery Dataset</a:t>
          </a:r>
          <a:endParaRPr lang="en-ZA" sz="1300" kern="1200" dirty="0"/>
        </a:p>
      </dsp:txBody>
      <dsp:txXfrm>
        <a:off x="16885" y="2214115"/>
        <a:ext cx="1007416" cy="488510"/>
      </dsp:txXfrm>
    </dsp:sp>
    <dsp:sp modelId="{87E898FB-2BB1-44D1-B016-944267D3E986}">
      <dsp:nvSpPr>
        <dsp:cNvPr id="0" name=""/>
        <dsp:cNvSpPr/>
      </dsp:nvSpPr>
      <dsp:spPr>
        <a:xfrm rot="16832937">
          <a:off x="408972" y="1688774"/>
          <a:ext cx="1543662" cy="21621"/>
        </a:xfrm>
        <a:custGeom>
          <a:avLst/>
          <a:gdLst/>
          <a:ahLst/>
          <a:cxnLst/>
          <a:rect l="0" t="0" r="0" b="0"/>
          <a:pathLst>
            <a:path>
              <a:moveTo>
                <a:pt x="0" y="10810"/>
              </a:moveTo>
              <a:lnTo>
                <a:pt x="1543662" y="10810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1142211" y="1660993"/>
        <a:ext cx="77183" cy="77183"/>
      </dsp:txXfrm>
    </dsp:sp>
    <dsp:sp modelId="{95AD70D2-D7B6-46B7-8DBD-D69F7CC9E118}">
      <dsp:nvSpPr>
        <dsp:cNvPr id="0" name=""/>
        <dsp:cNvSpPr/>
      </dsp:nvSpPr>
      <dsp:spPr>
        <a:xfrm>
          <a:off x="1322106" y="681345"/>
          <a:ext cx="1037812" cy="518906"/>
        </a:xfrm>
        <a:prstGeom prst="roundRect">
          <a:avLst>
            <a:gd name="adj" fmla="val 10000"/>
          </a:avLst>
        </a:prstGeom>
        <a:solidFill>
          <a:srgbClr val="1B74B2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Base Train</a:t>
          </a:r>
          <a:endParaRPr lang="en-ZA" sz="1300" kern="1200" dirty="0"/>
        </a:p>
      </dsp:txBody>
      <dsp:txXfrm>
        <a:off x="1337304" y="696543"/>
        <a:ext cx="1007416" cy="488510"/>
      </dsp:txXfrm>
    </dsp:sp>
    <dsp:sp modelId="{86A62DD5-4A63-400D-9CCC-97B60BD4A742}">
      <dsp:nvSpPr>
        <dsp:cNvPr id="0" name=""/>
        <dsp:cNvSpPr/>
      </dsp:nvSpPr>
      <dsp:spPr>
        <a:xfrm rot="161316">
          <a:off x="2359617" y="942846"/>
          <a:ext cx="548246" cy="21621"/>
        </a:xfrm>
        <a:custGeom>
          <a:avLst/>
          <a:gdLst/>
          <a:ahLst/>
          <a:cxnLst/>
          <a:rect l="0" t="0" r="0" b="0"/>
          <a:pathLst>
            <a:path>
              <a:moveTo>
                <a:pt x="0" y="10810"/>
              </a:moveTo>
              <a:lnTo>
                <a:pt x="548246" y="10810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2620034" y="939950"/>
        <a:ext cx="27412" cy="27412"/>
      </dsp:txXfrm>
    </dsp:sp>
    <dsp:sp modelId="{CEEE8176-35D1-4192-9728-E16633BB788F}">
      <dsp:nvSpPr>
        <dsp:cNvPr id="0" name=""/>
        <dsp:cNvSpPr/>
      </dsp:nvSpPr>
      <dsp:spPr>
        <a:xfrm>
          <a:off x="2907562" y="707062"/>
          <a:ext cx="1037812" cy="518906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10% missing values</a:t>
          </a:r>
          <a:endParaRPr lang="en-ZA" sz="1300" kern="1200" dirty="0"/>
        </a:p>
      </dsp:txBody>
      <dsp:txXfrm>
        <a:off x="2922760" y="722260"/>
        <a:ext cx="1007416" cy="488510"/>
      </dsp:txXfrm>
    </dsp:sp>
    <dsp:sp modelId="{489275FA-36DF-49A6-9C08-B8E8744A6D56}">
      <dsp:nvSpPr>
        <dsp:cNvPr id="0" name=""/>
        <dsp:cNvSpPr/>
      </dsp:nvSpPr>
      <dsp:spPr>
        <a:xfrm rot="19457599">
          <a:off x="3897323" y="806519"/>
          <a:ext cx="511228" cy="21621"/>
        </a:xfrm>
        <a:custGeom>
          <a:avLst/>
          <a:gdLst/>
          <a:ahLst/>
          <a:cxnLst/>
          <a:rect l="0" t="0" r="0" b="0"/>
          <a:pathLst>
            <a:path>
              <a:moveTo>
                <a:pt x="0" y="10810"/>
              </a:moveTo>
              <a:lnTo>
                <a:pt x="511228" y="10810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4140156" y="804549"/>
        <a:ext cx="25561" cy="25561"/>
      </dsp:txXfrm>
    </dsp:sp>
    <dsp:sp modelId="{D5BAAADF-3150-47B1-BBF5-2FFBFD86FCED}">
      <dsp:nvSpPr>
        <dsp:cNvPr id="0" name=""/>
        <dsp:cNvSpPr/>
      </dsp:nvSpPr>
      <dsp:spPr>
        <a:xfrm>
          <a:off x="4360500" y="408691"/>
          <a:ext cx="1037812" cy="518906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Mode Imputation</a:t>
          </a:r>
          <a:endParaRPr lang="en-ZA" sz="1300" kern="1200" dirty="0"/>
        </a:p>
      </dsp:txBody>
      <dsp:txXfrm>
        <a:off x="4375698" y="423889"/>
        <a:ext cx="1007416" cy="488510"/>
      </dsp:txXfrm>
    </dsp:sp>
    <dsp:sp modelId="{B4C65A40-9E2A-41DC-9BAC-254A833EBF26}">
      <dsp:nvSpPr>
        <dsp:cNvPr id="0" name=""/>
        <dsp:cNvSpPr/>
      </dsp:nvSpPr>
      <dsp:spPr>
        <a:xfrm rot="2142401">
          <a:off x="3897323" y="1104890"/>
          <a:ext cx="511228" cy="21621"/>
        </a:xfrm>
        <a:custGeom>
          <a:avLst/>
          <a:gdLst/>
          <a:ahLst/>
          <a:cxnLst/>
          <a:rect l="0" t="0" r="0" b="0"/>
          <a:pathLst>
            <a:path>
              <a:moveTo>
                <a:pt x="0" y="10810"/>
              </a:moveTo>
              <a:lnTo>
                <a:pt x="511228" y="10810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4140156" y="1102920"/>
        <a:ext cx="25561" cy="25561"/>
      </dsp:txXfrm>
    </dsp:sp>
    <dsp:sp modelId="{11E00BCE-51DB-4A00-A065-5BD7138A44DD}">
      <dsp:nvSpPr>
        <dsp:cNvPr id="0" name=""/>
        <dsp:cNvSpPr/>
      </dsp:nvSpPr>
      <dsp:spPr>
        <a:xfrm>
          <a:off x="4360500" y="1005433"/>
          <a:ext cx="1037812" cy="518906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Naïve Bayes Imputation</a:t>
          </a:r>
          <a:endParaRPr lang="en-ZA" sz="1300" kern="1200" dirty="0"/>
        </a:p>
      </dsp:txBody>
      <dsp:txXfrm>
        <a:off x="4375698" y="1020631"/>
        <a:ext cx="1007416" cy="488510"/>
      </dsp:txXfrm>
    </dsp:sp>
    <dsp:sp modelId="{E75DE5B3-0F75-45A9-A4AC-33BDF190805E}">
      <dsp:nvSpPr>
        <dsp:cNvPr id="0" name=""/>
        <dsp:cNvSpPr/>
      </dsp:nvSpPr>
      <dsp:spPr>
        <a:xfrm rot="3948675">
          <a:off x="1965466" y="1539588"/>
          <a:ext cx="1336549" cy="21621"/>
        </a:xfrm>
        <a:custGeom>
          <a:avLst/>
          <a:gdLst/>
          <a:ahLst/>
          <a:cxnLst/>
          <a:rect l="0" t="0" r="0" b="0"/>
          <a:pathLst>
            <a:path>
              <a:moveTo>
                <a:pt x="0" y="10810"/>
              </a:moveTo>
              <a:lnTo>
                <a:pt x="1336549" y="10810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2600327" y="1516985"/>
        <a:ext cx="66827" cy="66827"/>
      </dsp:txXfrm>
    </dsp:sp>
    <dsp:sp modelId="{1011E41C-C8FA-4D0B-A0BF-5E8F7EFE30F6}">
      <dsp:nvSpPr>
        <dsp:cNvPr id="0" name=""/>
        <dsp:cNvSpPr/>
      </dsp:nvSpPr>
      <dsp:spPr>
        <a:xfrm>
          <a:off x="2907562" y="1900546"/>
          <a:ext cx="1037812" cy="518906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40% missing values</a:t>
          </a:r>
          <a:endParaRPr lang="en-ZA" sz="1300" kern="1200" dirty="0"/>
        </a:p>
      </dsp:txBody>
      <dsp:txXfrm>
        <a:off x="2922760" y="1915744"/>
        <a:ext cx="1007416" cy="488510"/>
      </dsp:txXfrm>
    </dsp:sp>
    <dsp:sp modelId="{FA8B4599-3A06-4087-A47C-01252F5134AA}">
      <dsp:nvSpPr>
        <dsp:cNvPr id="0" name=""/>
        <dsp:cNvSpPr/>
      </dsp:nvSpPr>
      <dsp:spPr>
        <a:xfrm rot="19457599">
          <a:off x="3897323" y="2000003"/>
          <a:ext cx="511228" cy="21621"/>
        </a:xfrm>
        <a:custGeom>
          <a:avLst/>
          <a:gdLst/>
          <a:ahLst/>
          <a:cxnLst/>
          <a:rect l="0" t="0" r="0" b="0"/>
          <a:pathLst>
            <a:path>
              <a:moveTo>
                <a:pt x="0" y="10810"/>
              </a:moveTo>
              <a:lnTo>
                <a:pt x="511228" y="10810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4140156" y="1998033"/>
        <a:ext cx="25561" cy="25561"/>
      </dsp:txXfrm>
    </dsp:sp>
    <dsp:sp modelId="{F1D4DE00-DD38-423D-A61F-57CC7A686178}">
      <dsp:nvSpPr>
        <dsp:cNvPr id="0" name=""/>
        <dsp:cNvSpPr/>
      </dsp:nvSpPr>
      <dsp:spPr>
        <a:xfrm>
          <a:off x="4360500" y="1602175"/>
          <a:ext cx="1037812" cy="518906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Mode Imputation</a:t>
          </a:r>
          <a:endParaRPr lang="en-ZA" sz="1300" kern="1200" dirty="0"/>
        </a:p>
      </dsp:txBody>
      <dsp:txXfrm>
        <a:off x="4375698" y="1617373"/>
        <a:ext cx="1007416" cy="488510"/>
      </dsp:txXfrm>
    </dsp:sp>
    <dsp:sp modelId="{2E6CA308-8D40-4A42-853B-2FC7F54008FC}">
      <dsp:nvSpPr>
        <dsp:cNvPr id="0" name=""/>
        <dsp:cNvSpPr/>
      </dsp:nvSpPr>
      <dsp:spPr>
        <a:xfrm rot="2142401">
          <a:off x="3897323" y="2298375"/>
          <a:ext cx="511228" cy="21621"/>
        </a:xfrm>
        <a:custGeom>
          <a:avLst/>
          <a:gdLst/>
          <a:ahLst/>
          <a:cxnLst/>
          <a:rect l="0" t="0" r="0" b="0"/>
          <a:pathLst>
            <a:path>
              <a:moveTo>
                <a:pt x="0" y="10810"/>
              </a:moveTo>
              <a:lnTo>
                <a:pt x="511228" y="10810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4140156" y="2296404"/>
        <a:ext cx="25561" cy="25561"/>
      </dsp:txXfrm>
    </dsp:sp>
    <dsp:sp modelId="{62C0C9BA-4E7F-4F26-BA4E-6252A888F0B7}">
      <dsp:nvSpPr>
        <dsp:cNvPr id="0" name=""/>
        <dsp:cNvSpPr/>
      </dsp:nvSpPr>
      <dsp:spPr>
        <a:xfrm>
          <a:off x="4360500" y="2198917"/>
          <a:ext cx="1037812" cy="518906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Naïve Bayes Imputation</a:t>
          </a:r>
          <a:endParaRPr lang="en-ZA" sz="1300" kern="1200" dirty="0"/>
        </a:p>
      </dsp:txBody>
      <dsp:txXfrm>
        <a:off x="4375698" y="2214115"/>
        <a:ext cx="1007416" cy="488510"/>
      </dsp:txXfrm>
    </dsp:sp>
    <dsp:sp modelId="{CF6FE85F-78B4-4DEC-8957-5E2C57573F7D}">
      <dsp:nvSpPr>
        <dsp:cNvPr id="0" name=""/>
        <dsp:cNvSpPr/>
      </dsp:nvSpPr>
      <dsp:spPr>
        <a:xfrm rot="4632685">
          <a:off x="1396711" y="2136330"/>
          <a:ext cx="2474058" cy="21621"/>
        </a:xfrm>
        <a:custGeom>
          <a:avLst/>
          <a:gdLst/>
          <a:ahLst/>
          <a:cxnLst/>
          <a:rect l="0" t="0" r="0" b="0"/>
          <a:pathLst>
            <a:path>
              <a:moveTo>
                <a:pt x="0" y="10810"/>
              </a:moveTo>
              <a:lnTo>
                <a:pt x="2474058" y="10810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800" kern="1200"/>
        </a:p>
      </dsp:txBody>
      <dsp:txXfrm>
        <a:off x="2571889" y="2085290"/>
        <a:ext cx="123702" cy="123702"/>
      </dsp:txXfrm>
    </dsp:sp>
    <dsp:sp modelId="{8A24F98F-0497-46A2-A3E4-D879EA5B0C00}">
      <dsp:nvSpPr>
        <dsp:cNvPr id="0" name=""/>
        <dsp:cNvSpPr/>
      </dsp:nvSpPr>
      <dsp:spPr>
        <a:xfrm>
          <a:off x="2907562" y="3094031"/>
          <a:ext cx="1037812" cy="518906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70% Missing Values</a:t>
          </a:r>
          <a:endParaRPr lang="en-ZA" sz="1300" kern="1200" dirty="0"/>
        </a:p>
      </dsp:txBody>
      <dsp:txXfrm>
        <a:off x="2922760" y="3109229"/>
        <a:ext cx="1007416" cy="488510"/>
      </dsp:txXfrm>
    </dsp:sp>
    <dsp:sp modelId="{6DF180AF-E3DE-47A1-B975-7BB65FC18014}">
      <dsp:nvSpPr>
        <dsp:cNvPr id="0" name=""/>
        <dsp:cNvSpPr/>
      </dsp:nvSpPr>
      <dsp:spPr>
        <a:xfrm rot="19457599">
          <a:off x="3897323" y="3193488"/>
          <a:ext cx="511228" cy="21621"/>
        </a:xfrm>
        <a:custGeom>
          <a:avLst/>
          <a:gdLst/>
          <a:ahLst/>
          <a:cxnLst/>
          <a:rect l="0" t="0" r="0" b="0"/>
          <a:pathLst>
            <a:path>
              <a:moveTo>
                <a:pt x="0" y="10810"/>
              </a:moveTo>
              <a:lnTo>
                <a:pt x="511228" y="10810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4140156" y="3191518"/>
        <a:ext cx="25561" cy="25561"/>
      </dsp:txXfrm>
    </dsp:sp>
    <dsp:sp modelId="{B01624F6-34D2-430A-9E5F-056048AD71E1}">
      <dsp:nvSpPr>
        <dsp:cNvPr id="0" name=""/>
        <dsp:cNvSpPr/>
      </dsp:nvSpPr>
      <dsp:spPr>
        <a:xfrm>
          <a:off x="4360500" y="2795660"/>
          <a:ext cx="1037812" cy="518906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Mode Imputation</a:t>
          </a:r>
          <a:endParaRPr lang="en-ZA" sz="1300" kern="1200" dirty="0"/>
        </a:p>
      </dsp:txBody>
      <dsp:txXfrm>
        <a:off x="4375698" y="2810858"/>
        <a:ext cx="1007416" cy="488510"/>
      </dsp:txXfrm>
    </dsp:sp>
    <dsp:sp modelId="{582B1624-CFB9-4155-A13D-733F41F870E1}">
      <dsp:nvSpPr>
        <dsp:cNvPr id="0" name=""/>
        <dsp:cNvSpPr/>
      </dsp:nvSpPr>
      <dsp:spPr>
        <a:xfrm rot="2142401">
          <a:off x="3897323" y="3491859"/>
          <a:ext cx="511228" cy="21621"/>
        </a:xfrm>
        <a:custGeom>
          <a:avLst/>
          <a:gdLst/>
          <a:ahLst/>
          <a:cxnLst/>
          <a:rect l="0" t="0" r="0" b="0"/>
          <a:pathLst>
            <a:path>
              <a:moveTo>
                <a:pt x="0" y="10810"/>
              </a:moveTo>
              <a:lnTo>
                <a:pt x="511228" y="10810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4140156" y="3489889"/>
        <a:ext cx="25561" cy="25561"/>
      </dsp:txXfrm>
    </dsp:sp>
    <dsp:sp modelId="{866BAAEB-6849-4BBB-A062-081AD33532ED}">
      <dsp:nvSpPr>
        <dsp:cNvPr id="0" name=""/>
        <dsp:cNvSpPr/>
      </dsp:nvSpPr>
      <dsp:spPr>
        <a:xfrm>
          <a:off x="4360500" y="3392402"/>
          <a:ext cx="1037812" cy="518906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Naïve Bayes Imputation</a:t>
          </a:r>
          <a:endParaRPr lang="en-ZA" sz="1300" kern="1200" dirty="0"/>
        </a:p>
      </dsp:txBody>
      <dsp:txXfrm>
        <a:off x="4375698" y="3407600"/>
        <a:ext cx="1007416" cy="488510"/>
      </dsp:txXfrm>
    </dsp:sp>
    <dsp:sp modelId="{9CA8FB5C-50A7-4FAD-AF26-9EA0CCB2DA90}">
      <dsp:nvSpPr>
        <dsp:cNvPr id="0" name=""/>
        <dsp:cNvSpPr/>
      </dsp:nvSpPr>
      <dsp:spPr>
        <a:xfrm rot="4248906">
          <a:off x="707948" y="2913969"/>
          <a:ext cx="987669" cy="21621"/>
        </a:xfrm>
        <a:custGeom>
          <a:avLst/>
          <a:gdLst/>
          <a:ahLst/>
          <a:cxnLst/>
          <a:rect l="0" t="0" r="0" b="0"/>
          <a:pathLst>
            <a:path>
              <a:moveTo>
                <a:pt x="0" y="10810"/>
              </a:moveTo>
              <a:lnTo>
                <a:pt x="987669" y="10810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1177091" y="2900087"/>
        <a:ext cx="49383" cy="49383"/>
      </dsp:txXfrm>
    </dsp:sp>
    <dsp:sp modelId="{C061E002-D3F6-4313-BA49-8614DA4609FF}">
      <dsp:nvSpPr>
        <dsp:cNvPr id="0" name=""/>
        <dsp:cNvSpPr/>
      </dsp:nvSpPr>
      <dsp:spPr>
        <a:xfrm>
          <a:off x="1364065" y="3131734"/>
          <a:ext cx="1037812" cy="518906"/>
        </a:xfrm>
        <a:prstGeom prst="roundRect">
          <a:avLst>
            <a:gd name="adj" fmla="val 10000"/>
          </a:avLst>
        </a:prstGeom>
        <a:solidFill>
          <a:srgbClr val="FF8C27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300" kern="1200" dirty="0"/>
            <a:t>Base Test</a:t>
          </a:r>
          <a:endParaRPr lang="en-ZA" sz="1300" kern="1200" dirty="0"/>
        </a:p>
      </dsp:txBody>
      <dsp:txXfrm>
        <a:off x="1379263" y="3146932"/>
        <a:ext cx="1007416" cy="488510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1D1D582-6234-43C5-A87E-DBC57AED7D8B}">
      <dsp:nvSpPr>
        <dsp:cNvPr id="0" name=""/>
        <dsp:cNvSpPr/>
      </dsp:nvSpPr>
      <dsp:spPr>
        <a:xfrm>
          <a:off x="1634" y="2001444"/>
          <a:ext cx="952154" cy="476077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Nursery Dataset</a:t>
          </a:r>
          <a:endParaRPr lang="en-ZA" sz="1200" kern="1200" dirty="0"/>
        </a:p>
      </dsp:txBody>
      <dsp:txXfrm>
        <a:off x="15578" y="2015388"/>
        <a:ext cx="924266" cy="448189"/>
      </dsp:txXfrm>
    </dsp:sp>
    <dsp:sp modelId="{87E898FB-2BB1-44D1-B016-944267D3E986}">
      <dsp:nvSpPr>
        <dsp:cNvPr id="0" name=""/>
        <dsp:cNvSpPr/>
      </dsp:nvSpPr>
      <dsp:spPr>
        <a:xfrm rot="16832937">
          <a:off x="375303" y="1532426"/>
          <a:ext cx="1416252" cy="21796"/>
        </a:xfrm>
        <a:custGeom>
          <a:avLst/>
          <a:gdLst/>
          <a:ahLst/>
          <a:cxnLst/>
          <a:rect l="0" t="0" r="0" b="0"/>
          <a:pathLst>
            <a:path>
              <a:moveTo>
                <a:pt x="0" y="10898"/>
              </a:moveTo>
              <a:lnTo>
                <a:pt x="1416252" y="10898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1048023" y="1507918"/>
        <a:ext cx="70812" cy="70812"/>
      </dsp:txXfrm>
    </dsp:sp>
    <dsp:sp modelId="{95AD70D2-D7B6-46B7-8DBD-D69F7CC9E118}">
      <dsp:nvSpPr>
        <dsp:cNvPr id="0" name=""/>
        <dsp:cNvSpPr/>
      </dsp:nvSpPr>
      <dsp:spPr>
        <a:xfrm>
          <a:off x="1213070" y="609127"/>
          <a:ext cx="952154" cy="476077"/>
        </a:xfrm>
        <a:prstGeom prst="roundRect">
          <a:avLst>
            <a:gd name="adj" fmla="val 10000"/>
          </a:avLst>
        </a:prstGeom>
        <a:solidFill>
          <a:srgbClr val="4A66AC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Base Train</a:t>
          </a:r>
          <a:endParaRPr lang="en-ZA" sz="1200" kern="1200" dirty="0"/>
        </a:p>
      </dsp:txBody>
      <dsp:txXfrm>
        <a:off x="1227014" y="623071"/>
        <a:ext cx="924266" cy="448189"/>
      </dsp:txXfrm>
    </dsp:sp>
    <dsp:sp modelId="{86A62DD5-4A63-400D-9CCC-97B60BD4A742}">
      <dsp:nvSpPr>
        <dsp:cNvPr id="0" name=""/>
        <dsp:cNvSpPr/>
      </dsp:nvSpPr>
      <dsp:spPr>
        <a:xfrm rot="161316">
          <a:off x="2164948" y="848065"/>
          <a:ext cx="502996" cy="21796"/>
        </a:xfrm>
        <a:custGeom>
          <a:avLst/>
          <a:gdLst/>
          <a:ahLst/>
          <a:cxnLst/>
          <a:rect l="0" t="0" r="0" b="0"/>
          <a:pathLst>
            <a:path>
              <a:moveTo>
                <a:pt x="0" y="10898"/>
              </a:moveTo>
              <a:lnTo>
                <a:pt x="502996" y="10898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2403871" y="846388"/>
        <a:ext cx="25149" cy="25149"/>
      </dsp:txXfrm>
    </dsp:sp>
    <dsp:sp modelId="{CEEE8176-35D1-4192-9728-E16633BB788F}">
      <dsp:nvSpPr>
        <dsp:cNvPr id="0" name=""/>
        <dsp:cNvSpPr/>
      </dsp:nvSpPr>
      <dsp:spPr>
        <a:xfrm>
          <a:off x="2667667" y="632722"/>
          <a:ext cx="952154" cy="476077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10% missing values</a:t>
          </a:r>
          <a:endParaRPr lang="en-ZA" sz="1200" kern="1200" dirty="0"/>
        </a:p>
      </dsp:txBody>
      <dsp:txXfrm>
        <a:off x="2681611" y="646666"/>
        <a:ext cx="924266" cy="448189"/>
      </dsp:txXfrm>
    </dsp:sp>
    <dsp:sp modelId="{489275FA-36DF-49A6-9C08-B8E8744A6D56}">
      <dsp:nvSpPr>
        <dsp:cNvPr id="0" name=""/>
        <dsp:cNvSpPr/>
      </dsp:nvSpPr>
      <dsp:spPr>
        <a:xfrm rot="19457599">
          <a:off x="3575736" y="722990"/>
          <a:ext cx="469032" cy="21796"/>
        </a:xfrm>
        <a:custGeom>
          <a:avLst/>
          <a:gdLst/>
          <a:ahLst/>
          <a:cxnLst/>
          <a:rect l="0" t="0" r="0" b="0"/>
          <a:pathLst>
            <a:path>
              <a:moveTo>
                <a:pt x="0" y="10898"/>
              </a:moveTo>
              <a:lnTo>
                <a:pt x="469032" y="10898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3798527" y="722162"/>
        <a:ext cx="23451" cy="23451"/>
      </dsp:txXfrm>
    </dsp:sp>
    <dsp:sp modelId="{D5BAAADF-3150-47B1-BBF5-2FFBFD86FCED}">
      <dsp:nvSpPr>
        <dsp:cNvPr id="0" name=""/>
        <dsp:cNvSpPr/>
      </dsp:nvSpPr>
      <dsp:spPr>
        <a:xfrm>
          <a:off x="4000683" y="358977"/>
          <a:ext cx="952154" cy="476077"/>
        </a:xfrm>
        <a:prstGeom prst="roundRect">
          <a:avLst>
            <a:gd name="adj" fmla="val 10000"/>
          </a:avLst>
        </a:prstGeom>
        <a:solidFill>
          <a:srgbClr val="629DD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Mode Imputation</a:t>
          </a:r>
          <a:endParaRPr lang="en-ZA" sz="1200" kern="1200" dirty="0"/>
        </a:p>
      </dsp:txBody>
      <dsp:txXfrm>
        <a:off x="4014627" y="372921"/>
        <a:ext cx="924266" cy="448189"/>
      </dsp:txXfrm>
    </dsp:sp>
    <dsp:sp modelId="{B4C65A40-9E2A-41DC-9BAC-254A833EBF26}">
      <dsp:nvSpPr>
        <dsp:cNvPr id="0" name=""/>
        <dsp:cNvSpPr/>
      </dsp:nvSpPr>
      <dsp:spPr>
        <a:xfrm rot="2142401">
          <a:off x="3575736" y="996734"/>
          <a:ext cx="469032" cy="21796"/>
        </a:xfrm>
        <a:custGeom>
          <a:avLst/>
          <a:gdLst/>
          <a:ahLst/>
          <a:cxnLst/>
          <a:rect l="0" t="0" r="0" b="0"/>
          <a:pathLst>
            <a:path>
              <a:moveTo>
                <a:pt x="0" y="10898"/>
              </a:moveTo>
              <a:lnTo>
                <a:pt x="469032" y="10898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3798527" y="995907"/>
        <a:ext cx="23451" cy="23451"/>
      </dsp:txXfrm>
    </dsp:sp>
    <dsp:sp modelId="{11E00BCE-51DB-4A00-A065-5BD7138A44DD}">
      <dsp:nvSpPr>
        <dsp:cNvPr id="0" name=""/>
        <dsp:cNvSpPr/>
      </dsp:nvSpPr>
      <dsp:spPr>
        <a:xfrm>
          <a:off x="4000683" y="906466"/>
          <a:ext cx="952154" cy="476077"/>
        </a:xfrm>
        <a:prstGeom prst="roundRect">
          <a:avLst>
            <a:gd name="adj" fmla="val 10000"/>
          </a:avLst>
        </a:prstGeom>
        <a:solidFill>
          <a:srgbClr val="297FD5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Naïve Bayes Imputation</a:t>
          </a:r>
          <a:endParaRPr lang="en-ZA" sz="1200" kern="1200" dirty="0"/>
        </a:p>
      </dsp:txBody>
      <dsp:txXfrm>
        <a:off x="4014627" y="920410"/>
        <a:ext cx="924266" cy="448189"/>
      </dsp:txXfrm>
    </dsp:sp>
    <dsp:sp modelId="{E75DE5B3-0F75-45A9-A4AC-33BDF190805E}">
      <dsp:nvSpPr>
        <dsp:cNvPr id="0" name=""/>
        <dsp:cNvSpPr/>
      </dsp:nvSpPr>
      <dsp:spPr>
        <a:xfrm rot="3948675">
          <a:off x="1803328" y="1395553"/>
          <a:ext cx="1226234" cy="21796"/>
        </a:xfrm>
        <a:custGeom>
          <a:avLst/>
          <a:gdLst/>
          <a:ahLst/>
          <a:cxnLst/>
          <a:rect l="0" t="0" r="0" b="0"/>
          <a:pathLst>
            <a:path>
              <a:moveTo>
                <a:pt x="0" y="10898"/>
              </a:moveTo>
              <a:lnTo>
                <a:pt x="1226234" y="10898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2385790" y="1375796"/>
        <a:ext cx="61311" cy="61311"/>
      </dsp:txXfrm>
    </dsp:sp>
    <dsp:sp modelId="{1011E41C-C8FA-4D0B-A0BF-5E8F7EFE30F6}">
      <dsp:nvSpPr>
        <dsp:cNvPr id="0" name=""/>
        <dsp:cNvSpPr/>
      </dsp:nvSpPr>
      <dsp:spPr>
        <a:xfrm>
          <a:off x="2667667" y="1727699"/>
          <a:ext cx="952154" cy="476077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40% missing values</a:t>
          </a:r>
          <a:endParaRPr lang="en-ZA" sz="1200" kern="1200" dirty="0"/>
        </a:p>
      </dsp:txBody>
      <dsp:txXfrm>
        <a:off x="2681611" y="1741643"/>
        <a:ext cx="924266" cy="448189"/>
      </dsp:txXfrm>
    </dsp:sp>
    <dsp:sp modelId="{FA8B4599-3A06-4087-A47C-01252F5134AA}">
      <dsp:nvSpPr>
        <dsp:cNvPr id="0" name=""/>
        <dsp:cNvSpPr/>
      </dsp:nvSpPr>
      <dsp:spPr>
        <a:xfrm rot="19457599">
          <a:off x="3575736" y="1817967"/>
          <a:ext cx="469032" cy="21796"/>
        </a:xfrm>
        <a:custGeom>
          <a:avLst/>
          <a:gdLst/>
          <a:ahLst/>
          <a:cxnLst/>
          <a:rect l="0" t="0" r="0" b="0"/>
          <a:pathLst>
            <a:path>
              <a:moveTo>
                <a:pt x="0" y="10898"/>
              </a:moveTo>
              <a:lnTo>
                <a:pt x="469032" y="10898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3798527" y="1817140"/>
        <a:ext cx="23451" cy="23451"/>
      </dsp:txXfrm>
    </dsp:sp>
    <dsp:sp modelId="{F1D4DE00-DD38-423D-A61F-57CC7A686178}">
      <dsp:nvSpPr>
        <dsp:cNvPr id="0" name=""/>
        <dsp:cNvSpPr/>
      </dsp:nvSpPr>
      <dsp:spPr>
        <a:xfrm>
          <a:off x="4000683" y="1453955"/>
          <a:ext cx="952154" cy="476077"/>
        </a:xfrm>
        <a:prstGeom prst="roundRect">
          <a:avLst>
            <a:gd name="adj" fmla="val 10000"/>
          </a:avLst>
        </a:prstGeom>
        <a:solidFill>
          <a:srgbClr val="629DD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Mode Imputation</a:t>
          </a:r>
          <a:endParaRPr lang="en-ZA" sz="1200" kern="1200" dirty="0"/>
        </a:p>
      </dsp:txBody>
      <dsp:txXfrm>
        <a:off x="4014627" y="1467899"/>
        <a:ext cx="924266" cy="448189"/>
      </dsp:txXfrm>
    </dsp:sp>
    <dsp:sp modelId="{2E6CA308-8D40-4A42-853B-2FC7F54008FC}">
      <dsp:nvSpPr>
        <dsp:cNvPr id="0" name=""/>
        <dsp:cNvSpPr/>
      </dsp:nvSpPr>
      <dsp:spPr>
        <a:xfrm rot="2142401">
          <a:off x="3575736" y="2091712"/>
          <a:ext cx="469032" cy="21796"/>
        </a:xfrm>
        <a:custGeom>
          <a:avLst/>
          <a:gdLst/>
          <a:ahLst/>
          <a:cxnLst/>
          <a:rect l="0" t="0" r="0" b="0"/>
          <a:pathLst>
            <a:path>
              <a:moveTo>
                <a:pt x="0" y="10898"/>
              </a:moveTo>
              <a:lnTo>
                <a:pt x="469032" y="10898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3798527" y="2090884"/>
        <a:ext cx="23451" cy="23451"/>
      </dsp:txXfrm>
    </dsp:sp>
    <dsp:sp modelId="{62C0C9BA-4E7F-4F26-BA4E-6252A888F0B7}">
      <dsp:nvSpPr>
        <dsp:cNvPr id="0" name=""/>
        <dsp:cNvSpPr/>
      </dsp:nvSpPr>
      <dsp:spPr>
        <a:xfrm>
          <a:off x="4000683" y="2001444"/>
          <a:ext cx="952154" cy="476077"/>
        </a:xfrm>
        <a:prstGeom prst="roundRect">
          <a:avLst>
            <a:gd name="adj" fmla="val 10000"/>
          </a:avLst>
        </a:prstGeom>
        <a:solidFill>
          <a:srgbClr val="297FD5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Naïve Bayes Imputation</a:t>
          </a:r>
          <a:endParaRPr lang="en-ZA" sz="1200" kern="1200" dirty="0"/>
        </a:p>
      </dsp:txBody>
      <dsp:txXfrm>
        <a:off x="4014627" y="2015388"/>
        <a:ext cx="924266" cy="448189"/>
      </dsp:txXfrm>
    </dsp:sp>
    <dsp:sp modelId="{CF6FE85F-78B4-4DEC-8957-5E2C57573F7D}">
      <dsp:nvSpPr>
        <dsp:cNvPr id="0" name=""/>
        <dsp:cNvSpPr/>
      </dsp:nvSpPr>
      <dsp:spPr>
        <a:xfrm rot="4632685">
          <a:off x="1281517" y="1943042"/>
          <a:ext cx="2269857" cy="21796"/>
        </a:xfrm>
        <a:custGeom>
          <a:avLst/>
          <a:gdLst/>
          <a:ahLst/>
          <a:cxnLst/>
          <a:rect l="0" t="0" r="0" b="0"/>
          <a:pathLst>
            <a:path>
              <a:moveTo>
                <a:pt x="0" y="10898"/>
              </a:moveTo>
              <a:lnTo>
                <a:pt x="2269857" y="10898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355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800" kern="1200"/>
        </a:p>
      </dsp:txBody>
      <dsp:txXfrm>
        <a:off x="2359699" y="1897194"/>
        <a:ext cx="113492" cy="113492"/>
      </dsp:txXfrm>
    </dsp:sp>
    <dsp:sp modelId="{8A24F98F-0497-46A2-A3E4-D879EA5B0C00}">
      <dsp:nvSpPr>
        <dsp:cNvPr id="0" name=""/>
        <dsp:cNvSpPr/>
      </dsp:nvSpPr>
      <dsp:spPr>
        <a:xfrm>
          <a:off x="2667667" y="2822677"/>
          <a:ext cx="952154" cy="476077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70% Missing Values</a:t>
          </a:r>
          <a:endParaRPr lang="en-ZA" sz="1200" kern="1200" dirty="0"/>
        </a:p>
      </dsp:txBody>
      <dsp:txXfrm>
        <a:off x="2681611" y="2836621"/>
        <a:ext cx="924266" cy="448189"/>
      </dsp:txXfrm>
    </dsp:sp>
    <dsp:sp modelId="{6DF180AF-E3DE-47A1-B975-7BB65FC18014}">
      <dsp:nvSpPr>
        <dsp:cNvPr id="0" name=""/>
        <dsp:cNvSpPr/>
      </dsp:nvSpPr>
      <dsp:spPr>
        <a:xfrm rot="19457599">
          <a:off x="3575736" y="2912945"/>
          <a:ext cx="469032" cy="21796"/>
        </a:xfrm>
        <a:custGeom>
          <a:avLst/>
          <a:gdLst/>
          <a:ahLst/>
          <a:cxnLst/>
          <a:rect l="0" t="0" r="0" b="0"/>
          <a:pathLst>
            <a:path>
              <a:moveTo>
                <a:pt x="0" y="10898"/>
              </a:moveTo>
              <a:lnTo>
                <a:pt x="469032" y="10898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3798527" y="2912118"/>
        <a:ext cx="23451" cy="23451"/>
      </dsp:txXfrm>
    </dsp:sp>
    <dsp:sp modelId="{B01624F6-34D2-430A-9E5F-056048AD71E1}">
      <dsp:nvSpPr>
        <dsp:cNvPr id="0" name=""/>
        <dsp:cNvSpPr/>
      </dsp:nvSpPr>
      <dsp:spPr>
        <a:xfrm>
          <a:off x="4000683" y="2548933"/>
          <a:ext cx="952154" cy="476077"/>
        </a:xfrm>
        <a:prstGeom prst="roundRect">
          <a:avLst>
            <a:gd name="adj" fmla="val 10000"/>
          </a:avLst>
        </a:prstGeom>
        <a:solidFill>
          <a:srgbClr val="629DD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Mode Imputation</a:t>
          </a:r>
          <a:endParaRPr lang="en-ZA" sz="1200" kern="1200" dirty="0"/>
        </a:p>
      </dsp:txBody>
      <dsp:txXfrm>
        <a:off x="4014627" y="2562877"/>
        <a:ext cx="924266" cy="448189"/>
      </dsp:txXfrm>
    </dsp:sp>
    <dsp:sp modelId="{582B1624-CFB9-4155-A13D-733F41F870E1}">
      <dsp:nvSpPr>
        <dsp:cNvPr id="0" name=""/>
        <dsp:cNvSpPr/>
      </dsp:nvSpPr>
      <dsp:spPr>
        <a:xfrm rot="2142401">
          <a:off x="3575736" y="3186690"/>
          <a:ext cx="469032" cy="21796"/>
        </a:xfrm>
        <a:custGeom>
          <a:avLst/>
          <a:gdLst/>
          <a:ahLst/>
          <a:cxnLst/>
          <a:rect l="0" t="0" r="0" b="0"/>
          <a:pathLst>
            <a:path>
              <a:moveTo>
                <a:pt x="0" y="10898"/>
              </a:moveTo>
              <a:lnTo>
                <a:pt x="469032" y="10898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3798527" y="3185862"/>
        <a:ext cx="23451" cy="23451"/>
      </dsp:txXfrm>
    </dsp:sp>
    <dsp:sp modelId="{866BAAEB-6849-4BBB-A062-081AD33532ED}">
      <dsp:nvSpPr>
        <dsp:cNvPr id="0" name=""/>
        <dsp:cNvSpPr/>
      </dsp:nvSpPr>
      <dsp:spPr>
        <a:xfrm>
          <a:off x="4000683" y="3096422"/>
          <a:ext cx="952154" cy="476077"/>
        </a:xfrm>
        <a:prstGeom prst="roundRect">
          <a:avLst>
            <a:gd name="adj" fmla="val 10000"/>
          </a:avLst>
        </a:prstGeom>
        <a:solidFill>
          <a:srgbClr val="297FD5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Naïve Bayes Imputation</a:t>
          </a:r>
          <a:endParaRPr lang="en-ZA" sz="1200" kern="1200" dirty="0"/>
        </a:p>
      </dsp:txBody>
      <dsp:txXfrm>
        <a:off x="4014627" y="3110366"/>
        <a:ext cx="924266" cy="448189"/>
      </dsp:txXfrm>
    </dsp:sp>
    <dsp:sp modelId="{9CA8FB5C-50A7-4FAD-AF26-9EA0CCB2DA90}">
      <dsp:nvSpPr>
        <dsp:cNvPr id="0" name=""/>
        <dsp:cNvSpPr/>
      </dsp:nvSpPr>
      <dsp:spPr>
        <a:xfrm rot="4248906">
          <a:off x="649602" y="2656497"/>
          <a:ext cx="906149" cy="21796"/>
        </a:xfrm>
        <a:custGeom>
          <a:avLst/>
          <a:gdLst/>
          <a:ahLst/>
          <a:cxnLst/>
          <a:rect l="0" t="0" r="0" b="0"/>
          <a:pathLst>
            <a:path>
              <a:moveTo>
                <a:pt x="0" y="10898"/>
              </a:moveTo>
              <a:lnTo>
                <a:pt x="906149" y="10898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ZA" sz="500" kern="1200"/>
        </a:p>
      </dsp:txBody>
      <dsp:txXfrm>
        <a:off x="1080023" y="2644741"/>
        <a:ext cx="45307" cy="45307"/>
      </dsp:txXfrm>
    </dsp:sp>
    <dsp:sp modelId="{C061E002-D3F6-4313-BA49-8614DA4609FF}">
      <dsp:nvSpPr>
        <dsp:cNvPr id="0" name=""/>
        <dsp:cNvSpPr/>
      </dsp:nvSpPr>
      <dsp:spPr>
        <a:xfrm>
          <a:off x="1251565" y="2857269"/>
          <a:ext cx="952154" cy="476077"/>
        </a:xfrm>
        <a:prstGeom prst="roundRect">
          <a:avLst>
            <a:gd name="adj" fmla="val 10000"/>
          </a:avLst>
        </a:prstGeom>
        <a:solidFill>
          <a:schemeClr val="bg2">
            <a:lumMod val="75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Base Test</a:t>
          </a:r>
          <a:endParaRPr lang="en-ZA" sz="1200" kern="1200" dirty="0"/>
        </a:p>
      </dsp:txBody>
      <dsp:txXfrm>
        <a:off x="1265509" y="2871213"/>
        <a:ext cx="924266" cy="448189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ierarchy5">
  <dgm:title val=""/>
  <dgm:desc val=""/>
  <dgm:catLst>
    <dgm:cat type="hierarchy" pri="6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4">
          <dgm:prSet phldr="1"/>
        </dgm:pt>
        <dgm:pt modelId="5">
          <dgm:prSet phldr="1"/>
        </dgm:pt>
        <dgm:pt modelId="6">
          <dgm:prSet phldr="1"/>
        </dgm:pt>
      </dgm:ptLst>
      <dgm:cxnLst>
        <dgm:cxn modelId="7" srcId="0" destId="1" srcOrd="0" destOrd="0"/>
        <dgm:cxn modelId="8" srcId="1" destId="2" srcOrd="0" destOrd="0"/>
        <dgm:cxn modelId="9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10" srcId="0" destId="4" srcOrd="1" destOrd="0"/>
        <dgm:cxn modelId="11" srcId="0" destId="5" srcOrd="2" destOrd="0"/>
        <dgm:cxn modelId="12" srcId="0" destId="6" srcOrd="3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  <dgm:pt modelId="2"/>
        <dgm:pt modelId="3"/>
      </dgm:ptLst>
      <dgm:cxnLst>
        <dgm:cxn modelId="4" srcId="0" destId="1" srcOrd="0" destOrd="0"/>
        <dgm:cxn modelId="13" srcId="1" destId="11" srcOrd="0" destOrd="0"/>
        <dgm:cxn modelId="14" srcId="1" destId="12" srcOrd="1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  <dgm:pt modelId="4"/>
        <dgm:pt modelId="5"/>
        <dgm:pt modelId="6"/>
        <dgm:pt modelId="7"/>
      </dgm:ptLst>
      <dgm:cxnLst>
        <dgm:cxn modelId="8" srcId="0" destId="1" srcOrd="0" destOrd="0"/>
        <dgm:cxn modelId="9" srcId="1" destId="2" srcOrd="0" destOrd="0"/>
        <dgm:cxn modelId="10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  <dgm:cxn modelId="11" srcId="0" destId="4" srcOrd="1" destOrd="0"/>
        <dgm:cxn modelId="12" srcId="0" destId="5" srcOrd="2" destOrd="0"/>
        <dgm:cxn modelId="13" srcId="0" destId="6" srcOrd="3" destOrd="0"/>
        <dgm:cxn modelId="14" srcId="0" destId="7" srcOrd="4" destOrd="0"/>
      </dgm:cxnLst>
      <dgm:bg/>
      <dgm:whole/>
    </dgm:dataModel>
  </dgm:clrData>
  <dgm:layoutNode name="mainComposite">
    <dgm:varLst>
      <dgm:chPref val="1"/>
      <dgm:dir/>
      <dgm:animOne val="branch"/>
      <dgm:animLvl val="lvl"/>
      <dgm:resizeHandles val="exact"/>
    </dgm:varLst>
    <dgm:alg type="composite"/>
    <dgm:presOf/>
    <dgm:shape xmlns:r="http://schemas.openxmlformats.org/officeDocument/2006/relationships" r:blip="">
      <dgm:adjLst/>
    </dgm:shape>
    <dgm:choose name="Name0">
      <dgm:if name="Name1" axis="ch" ptType="node" func="cnt" op="gte" val="2">
        <dgm:choose name="Name2">
          <dgm:if name="Name3" func="var" arg="dir" op="equ" val="norm">
            <dgm:constrLst>
              <dgm:constr type="l" for="ch" forName="hierFlow"/>
              <dgm:constr type="t" for="ch" forName="hierFlow" refType="h" fact="0.3"/>
              <dgm:constr type="r" for="ch" forName="hierFlow" refType="w" fact="0.98"/>
              <dgm:constr type="b" for="ch" forName="hierFlow" refType="h" fact="0.96"/>
              <dgm:constr type="l" for="ch" forName="bgShapesFlow"/>
              <dgm:constr type="t" for="ch" forName="bgShapesFlow"/>
              <dgm:constr type="r" for="ch" forName="bgShapesFlow" refType="w"/>
              <dgm:constr type="b" for="ch" forName="bgShapesFlow" refType="h"/>
              <dgm:constr type="h" for="des" forName="level1Shape" refType="h"/>
              <dgm:constr type="w" for="des" forName="level1Shape" refType="h" refFor="des" refForName="level1Shape" fact="2"/>
              <dgm:constr type="w" for="des" forName="level2Shape" refType="w" refFor="des" refForName="level1Shape" op="equ"/>
              <dgm:constr type="h" for="des" forName="level2Shape" refType="h" refFor="des" refForName="level1Shape" op="equ"/>
              <dgm:constr type="sp" for="des" refType="w" refFor="des" refForName="level1Shape" op="equ" fact="0.4"/>
              <dgm:constr type="sibSp" for="des" forName="hierChild1" refType="h" refFor="des" refForName="level1Shape" op="equ" fact="0.15"/>
              <dgm:constr type="sibSp" for="des" forName="hierChild2" refType="sibSp" refFor="des" refForName="hierChild1" op="equ"/>
              <dgm:constr type="sibSp" for="des" forName="hierChild3" refType="sibSp" refFor="des" refForName="hierChild1" op="equ"/>
              <dgm:constr type="userA" for="des" refType="w" refFor="des" refForName="level1Shape" op="equ"/>
              <dgm:constr type="userB" for="des" refType="sp" refFor="des" op="equ"/>
              <dgm:constr type="w" for="des" forName="firstBuf" refType="w" refFor="des" refForName="level1Shape" fact="0.1"/>
            </dgm:constrLst>
          </dgm:if>
          <dgm:else name="Name4">
            <dgm:constrLst>
              <dgm:constr type="l" for="ch" forName="hierFlow" refType="w" fact="0.02"/>
              <dgm:constr type="t" for="ch" forName="hierFlow" refType="h" fact="0.3"/>
              <dgm:constr type="r" for="ch" forName="hierFlow" refType="w"/>
              <dgm:constr type="b" for="ch" forName="hierFlow" refType="h" fact="0.96"/>
              <dgm:constr type="l" for="ch" forName="bgShapesFlow"/>
              <dgm:constr type="t" for="ch" forName="bgShapesFlow"/>
              <dgm:constr type="r" for="ch" forName="bgShapesFlow" refType="w"/>
              <dgm:constr type="b" for="ch" forName="bgShapesFlow" refType="h"/>
              <dgm:constr type="h" for="des" forName="level1Shape" refType="h"/>
              <dgm:constr type="w" for="des" forName="level1Shape" refType="h" refFor="des" refForName="level1Shape" fact="2"/>
              <dgm:constr type="w" for="des" forName="level2Shape" refType="w" refFor="des" refForName="level1Shape" op="equ"/>
              <dgm:constr type="h" for="des" forName="level2Shape" refType="h" refFor="des" refForName="level1Shape" op="equ"/>
              <dgm:constr type="sp" for="des" refType="w" refFor="des" refForName="level1Shape" op="equ" fact="0.4"/>
              <dgm:constr type="sibSp" for="des" forName="hierChild1" refType="h" refFor="des" refForName="level1Shape" op="equ" fact="0.15"/>
              <dgm:constr type="sibSp" for="des" forName="hierChild2" refType="sibSp" refFor="des" refForName="hierChild1" op="equ"/>
              <dgm:constr type="sibSp" for="des" forName="hierChild3" refType="sibSp" refFor="des" refForName="hierChild1" op="equ"/>
              <dgm:constr type="userA" for="des" refType="w" refFor="des" refForName="level1Shape" op="equ"/>
              <dgm:constr type="userB" for="des" refType="sp" refFor="des" op="equ"/>
              <dgm:constr type="w" for="des" forName="firstBuf" refType="w" refFor="des" refForName="level1Shape" fact="0.1"/>
            </dgm:constrLst>
          </dgm:else>
        </dgm:choose>
      </dgm:if>
      <dgm:else name="Name5">
        <dgm:constrLst>
          <dgm:constr type="l" for="ch" forName="hierFlow"/>
          <dgm:constr type="t" for="ch" forName="hierFlow"/>
          <dgm:constr type="r" for="ch" forName="hierFlow" refType="w"/>
          <dgm:constr type="b" for="ch" forName="hierFlow" refType="h"/>
          <dgm:constr type="l" for="ch" forName="bgShapesFlow"/>
          <dgm:constr type="t" for="ch" forName="bgShapesFlow"/>
          <dgm:constr type="r" for="ch" forName="bgShapesFlow" refType="w"/>
          <dgm:constr type="b" for="ch" forName="bgShapesFlow" refType="h"/>
          <dgm:constr type="h" for="des" forName="level1Shape" refType="h"/>
          <dgm:constr type="w" for="des" forName="level1Shape" refType="h" refFor="des" refForName="level1Shape" fact="2"/>
          <dgm:constr type="w" for="des" forName="level2Shape" refType="w" refFor="des" refForName="level1Shape" op="equ"/>
          <dgm:constr type="h" for="des" forName="level2Shape" refType="h" refFor="des" refForName="level1Shape" op="equ"/>
          <dgm:constr type="sp" for="des" refType="w" refFor="des" refForName="level1Shape" op="equ" fact="0.4"/>
          <dgm:constr type="sibSp" for="des" forName="hierChild1" refType="h" refFor="des" refForName="level1Shape" op="equ" fact="0.15"/>
          <dgm:constr type="sibSp" for="des" forName="hierChild2" refType="sibSp" refFor="des" refForName="hierChild1" op="equ"/>
          <dgm:constr type="sibSp" for="des" forName="hierChild3" refType="sibSp" refFor="des" refForName="hierChild1" op="equ"/>
          <dgm:constr type="userA" for="des" refType="w" refFor="des" refForName="level1Shape" op="equ"/>
          <dgm:constr type="userB" for="des" refType="sp" refFor="des" op="equ"/>
          <dgm:constr type="w" for="des" forName="firstBuf" refType="w" refFor="des" refForName="level1Shape" fact="0.1"/>
        </dgm:constrLst>
      </dgm:else>
    </dgm:choose>
    <dgm:ruleLst/>
    <dgm:layoutNode name="hierFlow">
      <dgm:choose name="Name6">
        <dgm:if name="Name7" func="var" arg="dir" op="equ" val="norm">
          <dgm:alg type="lin">
            <dgm:param type="linDir" val="fromL"/>
            <dgm:param type="nodeVertAlign" val="mid"/>
            <dgm:param type="vertAlign" val="mid"/>
            <dgm:param type="nodeHorzAlign" val="l"/>
            <dgm:param type="horzAlign" val="l"/>
            <dgm:param type="fallback" val="2D"/>
          </dgm:alg>
        </dgm:if>
        <dgm:else name="Name8">
          <dgm:alg type="lin">
            <dgm:param type="linDir" val="fromR"/>
            <dgm:param type="nodeVertAlign" val="mid"/>
            <dgm:param type="vertAlign" val="mid"/>
            <dgm:param type="nodeHorzAlign" val="r"/>
            <dgm:param type="horzAlign" val="r"/>
            <dgm:param type="fallback" val="2D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primFontSz" for="des" ptType="node" op="equ" val="65"/>
        <dgm:constr type="primFontSz" for="des" forName="connTx" op="equ" val="55"/>
        <dgm:constr type="primFontSz" for="des" forName="connTx" refType="primFontSz" refFor="des" refPtType="node" op="lte" fact="0.8"/>
      </dgm:constrLst>
      <dgm:ruleLst/>
      <dgm:choose name="Name9">
        <dgm:if name="Name10" axis="ch" ptType="node" func="cnt" op="gte" val="2">
          <dgm:layoutNode name="firstBuf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if>
        <dgm:else name="Name11"/>
      </dgm:choose>
      <dgm:layoutNode name="hierChild1">
        <dgm:varLst>
          <dgm:chPref val="1"/>
          <dgm:animOne val="branch"/>
          <dgm:animLvl val="lvl"/>
        </dgm:varLst>
        <dgm:choose name="Name12">
          <dgm:if name="Name13" func="var" arg="dir" op="equ" val="norm">
            <dgm:alg type="hierChild">
              <dgm:param type="linDir" val="fromT"/>
              <dgm:param type="chAlign" val="l"/>
            </dgm:alg>
          </dgm:if>
          <dgm:else name="Name14">
            <dgm:alg type="hierChild">
              <dgm:param type="linDir" val="fromT"/>
              <dgm:param type="ch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forEach name="Name15" axis="ch" cnt="3">
          <dgm:forEach name="Name16" axis="self" ptType="node">
            <dgm:layoutNode name="Name17">
              <dgm:choose name="Name18">
                <dgm:if name="Name19" func="var" arg="dir" op="equ" val="norm">
                  <dgm:alg type="hierRoot">
                    <dgm:param type="hierAlign" val="lCtrCh"/>
                  </dgm:alg>
                </dgm:if>
                <dgm:else name="Name20">
                  <dgm:alg type="hierRoot">
                    <dgm:param type="hierAlign" val="rCtrCh"/>
                  </dgm:alg>
                </dgm:else>
              </dgm:choose>
              <dgm:shape xmlns:r="http://schemas.openxmlformats.org/officeDocument/2006/relationships" r:blip="">
                <dgm:adjLst/>
              </dgm:shape>
              <dgm:presOf/>
              <dgm:constrLst/>
              <dgm:ruleLst/>
              <dgm:layoutNode name="level1Shape" styleLbl="node0">
                <dgm:varLst>
                  <dgm:chPref val="3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self"/>
                <dgm:constrLst>
                  <dgm:constr type="tMarg" refType="primFontSz" fact="0.05"/>
                  <dgm:constr type="bMarg" refType="primFontSz" fact="0.05"/>
                  <dgm:constr type="lMarg" refType="primFontSz" fact="0.05"/>
                  <dgm:constr type="rMarg" refType="primFontSz" fact="0.05"/>
                </dgm:constrLst>
                <dgm:ruleLst>
                  <dgm:rule type="primFontSz" val="5" fact="NaN" max="NaN"/>
                </dgm:ruleLst>
              </dgm:layoutNode>
              <dgm:layoutNode name="hierChild2">
                <dgm:choose name="Name21">
                  <dgm:if name="Name22" func="var" arg="dir" op="equ" val="norm">
                    <dgm:alg type="hierChild">
                      <dgm:param type="linDir" val="fromT"/>
                      <dgm:param type="chAlign" val="l"/>
                    </dgm:alg>
                  </dgm:if>
                  <dgm:else name="Name23">
                    <dgm:alg type="hierChild">
                      <dgm:param type="linDir" val="fromT"/>
                      <dgm:param type="chAlign" val="r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  <dgm:forEach name="repeat" axis="ch">
                  <dgm:forEach name="Name24" axis="self" ptType="parTrans" cnt="1">
                    <dgm:layoutNode name="Name25">
                      <dgm:choose name="Name26">
                        <dgm:if name="Name27" func="var" arg="dir" op="equ" val="norm">
                          <dgm:alg type="conn">
                            <dgm:param type="dim" val="1D"/>
                            <dgm:param type="begPts" val="midR"/>
                            <dgm:param type="endPts" val="midL"/>
                            <dgm:param type="endSty" val="noArr"/>
                          </dgm:alg>
                        </dgm:if>
                        <dgm:else name="Name28">
                          <dgm:alg type="conn">
                            <dgm:param type="dim" val="1D"/>
                            <dgm:param type="begPts" val="midL"/>
                            <dgm:param type="endPts" val="midR"/>
                            <dgm:param type="endSty" val="noArr"/>
                          </dgm:alg>
                        </dgm:else>
                      </dgm:choose>
                      <dgm:shape xmlns:r="http://schemas.openxmlformats.org/officeDocument/2006/relationships" type="conn" r:blip="">
                        <dgm:adjLst/>
                      </dgm:shape>
                      <dgm:presOf axis="self"/>
                      <dgm:constrLst>
                        <dgm:constr type="w" val="1"/>
                        <dgm:constr type="h" val="5"/>
                        <dgm:constr type="connDist"/>
                        <dgm:constr type="begPad"/>
                        <dgm:constr type="endPad"/>
                        <dgm:constr type="userA" for="ch" refType="connDist"/>
                      </dgm:constrLst>
                      <dgm:ruleLst/>
                      <dgm:layoutNode name="connTx">
                        <dgm:alg type="tx">
                          <dgm:param type="autoTxRot" val="grav"/>
                        </dgm:alg>
                        <dgm:shape xmlns:r="http://schemas.openxmlformats.org/officeDocument/2006/relationships" type="rect" r:blip="" hideGeom="1">
                          <dgm:adjLst/>
                        </dgm:shape>
                        <dgm:presOf axis="self"/>
                        <dgm:constrLst>
                          <dgm:constr type="userA"/>
                          <dgm:constr type="w" refType="userA" fact="0.05"/>
                          <dgm:constr type="h" refType="userA" fact="0.05"/>
                          <dgm:constr type="lMarg" val="1"/>
                          <dgm:constr type="rMarg" val="1"/>
                          <dgm:constr type="tMarg"/>
                          <dgm:constr type="bMarg"/>
                        </dgm:constrLst>
                        <dgm:ruleLst>
                          <dgm:rule type="h" val="NaN" fact="0.25" max="NaN"/>
                          <dgm:rule type="w" val="NaN" fact="0.8" max="NaN"/>
                          <dgm:rule type="primFontSz" val="5" fact="NaN" max="NaN"/>
                        </dgm:ruleLst>
                      </dgm:layoutNode>
                    </dgm:layoutNode>
                  </dgm:forEach>
                  <dgm:forEach name="Name29" axis="self" ptType="node">
                    <dgm:layoutNode name="Name30">
                      <dgm:choose name="Name31">
                        <dgm:if name="Name32" func="var" arg="dir" op="equ" val="norm">
                          <dgm:alg type="hierRoot">
                            <dgm:param type="hierAlign" val="lCtrCh"/>
                          </dgm:alg>
                        </dgm:if>
                        <dgm:else name="Name33">
                          <dgm:alg type="hierRoot">
                            <dgm:param type="hierAlign" val="rCtrCh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constrLst/>
                      <dgm:ruleLst/>
                      <dgm:layoutNode name="level2Shape">
                        <dgm:alg type="tx"/>
                        <dgm:shape xmlns:r="http://schemas.openxmlformats.org/officeDocument/2006/relationships" type="roundRect" r:blip="">
                          <dgm:adjLst>
                            <dgm:adj idx="1" val="0.1"/>
                          </dgm:adjLst>
                        </dgm:shape>
                        <dgm:presOf axis="self"/>
                        <dgm:constrLst>
                          <dgm:constr type="tMarg" refType="primFontSz" fact="0.05"/>
                          <dgm:constr type="bMarg" refType="primFontSz" fact="0.05"/>
                          <dgm:constr type="lMarg" refType="primFontSz" fact="0.05"/>
                          <dgm:constr type="rMarg" refType="primFontSz" fact="0.05"/>
                        </dgm:constrLst>
                        <dgm:ruleLst>
                          <dgm:rule type="primFontSz" val="5" fact="NaN" max="NaN"/>
                        </dgm:ruleLst>
                      </dgm:layoutNode>
                      <dgm:layoutNode name="hierChild3">
                        <dgm:choose name="Name34">
                          <dgm:if name="Name35" func="var" arg="dir" op="equ" val="norm">
                            <dgm:alg type="hierChild">
                              <dgm:param type="linDir" val="fromT"/>
                              <dgm:param type="chAlign" val="l"/>
                            </dgm:alg>
                          </dgm:if>
                          <dgm:else name="Name36">
                            <dgm:alg type="hierChild">
                              <dgm:param type="linDir" val="fromT"/>
                              <dgm:param type="chAlign" val="r"/>
                            </dgm:alg>
                          </dgm:else>
                        </dgm:choose>
                        <dgm:shape xmlns:r="http://schemas.openxmlformats.org/officeDocument/2006/relationships" r:blip="">
                          <dgm:adjLst/>
                        </dgm:shape>
                        <dgm:presOf/>
                        <dgm:constrLst/>
                        <dgm:ruleLst/>
                        <dgm:forEach name="Name37" ref="repeat"/>
                      </dgm:layoutNode>
                    </dgm:layoutNode>
                  </dgm:forEach>
                </dgm:forEach>
              </dgm:layoutNode>
            </dgm:layoutNode>
          </dgm:forEach>
        </dgm:forEach>
      </dgm:layoutNode>
    </dgm:layoutNode>
    <dgm:layoutNode name="bgShapesFlow">
      <dgm:choose name="Name38">
        <dgm:if name="Name39" func="var" arg="dir" op="equ" val="norm">
          <dgm:alg type="lin">
            <dgm:param type="linDir" val="fromL"/>
            <dgm:param type="nodeVertAlign" val="mid"/>
            <dgm:param type="vertAlign" val="mid"/>
            <dgm:param type="nodeHorzAlign" val="l"/>
            <dgm:param type="horzAlign" val="l"/>
          </dgm:alg>
        </dgm:if>
        <dgm:else name="Name40">
          <dgm:alg type="lin">
            <dgm:param type="linDir" val="fromR"/>
            <dgm:param type="nodeVertAlign" val="mid"/>
            <dgm:param type="vertAlign" val="mid"/>
            <dgm:param type="nodeHorzAlign" val="r"/>
            <dgm:param type="horzAlign" val="r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w" for="ch" forName="rectComp" refType="w"/>
        <dgm:constr type="h" for="ch" forName="rectComp" refType="h"/>
        <dgm:constr type="h" for="des" forName="bgRect" refType="h"/>
        <dgm:constr type="primFontSz" for="des" forName="bgRectTx" op="equ" val="65"/>
      </dgm:constrLst>
      <dgm:ruleLst/>
      <dgm:forEach name="Name41" axis="ch" ptType="node" st="2">
        <dgm:layoutNode name="rectComp">
          <dgm:alg type="composite"/>
          <dgm:shape xmlns:r="http://schemas.openxmlformats.org/officeDocument/2006/relationships" r:blip="">
            <dgm:adjLst/>
          </dgm:shape>
          <dgm:presOf/>
          <dgm:constrLst>
            <dgm:constr type="userA"/>
            <dgm:constr type="l" for="ch" forName="bgRect"/>
            <dgm:constr type="t" for="ch" forName="bgRect"/>
            <dgm:constr type="w" for="ch" forName="bgRect" refType="userA" fact="1.2"/>
            <dgm:constr type="l" for="ch" forName="bgRectTx"/>
            <dgm:constr type="t" for="ch" forName="bgRectTx"/>
            <dgm:constr type="h" for="ch" forName="bgRectTx" refType="h" refFor="ch" refForName="bgRect" fact="0.3"/>
            <dgm:constr type="w" for="ch" forName="bgRectTx" refType="w" refFor="ch" refForName="bgRect" op="equ"/>
          </dgm:constrLst>
          <dgm:ruleLst/>
          <dgm:layoutNode name="bgRect" styleLbl="bgShp">
            <dgm:alg type="sp"/>
            <dgm:shape xmlns:r="http://schemas.openxmlformats.org/officeDocument/2006/relationships" type="roundRect" r:blip="" zOrderOff="-999">
              <dgm:adjLst>
                <dgm:adj idx="1" val="0.1"/>
              </dgm:adjLst>
            </dgm:shape>
            <dgm:presOf axis="desOrSelf" ptType="node"/>
            <dgm:constrLst/>
            <dgm:ruleLst/>
          </dgm:layoutNode>
          <dgm:layoutNode name="bgRectTx" styleLbl="bgShp">
            <dgm:varLst>
              <dgm:bulletEnabled val="1"/>
            </dgm:varLst>
            <dgm:alg type="tx"/>
            <dgm:shape xmlns:r="http://schemas.openxmlformats.org/officeDocument/2006/relationships" type="rect" r:blip="" zOrderOff="-999" hideGeom="1">
              <dgm:adjLst/>
            </dgm:shape>
            <dgm:presOf axis="desOrSelf" ptType="node"/>
            <dgm:constrLst/>
            <dgm:ruleLst>
              <dgm:rule type="primFontSz" val="5" fact="NaN" max="NaN"/>
            </dgm:ruleLst>
          </dgm:layoutNode>
        </dgm:layoutNode>
        <dgm:choose name="Name42">
          <dgm:if name="Name43" axis="self" ptType="node" func="revPos" op="gte" val="2">
            <dgm:layoutNode name="spComp">
              <dgm:alg type="composite"/>
              <dgm:shape xmlns:r="http://schemas.openxmlformats.org/officeDocument/2006/relationships" r:blip="">
                <dgm:adjLst/>
              </dgm:shape>
              <dgm:presOf/>
              <dgm:constrLst>
                <dgm:constr type="userA"/>
                <dgm:constr type="userB"/>
                <dgm:constr type="l" for="ch" forName="hSp"/>
                <dgm:constr type="t" for="ch" forName="hSp"/>
                <dgm:constr type="w" for="ch" forName="hSp" refType="userB"/>
                <dgm:constr type="wOff" for="ch" forName="hSp" refType="userA" fact="-0.2"/>
              </dgm:constrLst>
              <dgm:ruleLst/>
              <dgm:layoutNode name="hSp">
                <dgm:alg type="sp"/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</dgm:layoutNode>
            </dgm:layoutNode>
          </dgm:if>
          <dgm:else name="Name44"/>
        </dgm:choose>
      </dgm:forEach>
    </dgm:layoutNod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hierarchy5">
  <dgm:title val=""/>
  <dgm:desc val=""/>
  <dgm:catLst>
    <dgm:cat type="hierarchy" pri="6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4">
          <dgm:prSet phldr="1"/>
        </dgm:pt>
        <dgm:pt modelId="5">
          <dgm:prSet phldr="1"/>
        </dgm:pt>
        <dgm:pt modelId="6">
          <dgm:prSet phldr="1"/>
        </dgm:pt>
      </dgm:ptLst>
      <dgm:cxnLst>
        <dgm:cxn modelId="7" srcId="0" destId="1" srcOrd="0" destOrd="0"/>
        <dgm:cxn modelId="8" srcId="1" destId="2" srcOrd="0" destOrd="0"/>
        <dgm:cxn modelId="9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10" srcId="0" destId="4" srcOrd="1" destOrd="0"/>
        <dgm:cxn modelId="11" srcId="0" destId="5" srcOrd="2" destOrd="0"/>
        <dgm:cxn modelId="12" srcId="0" destId="6" srcOrd="3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  <dgm:pt modelId="2"/>
        <dgm:pt modelId="3"/>
      </dgm:ptLst>
      <dgm:cxnLst>
        <dgm:cxn modelId="4" srcId="0" destId="1" srcOrd="0" destOrd="0"/>
        <dgm:cxn modelId="13" srcId="1" destId="11" srcOrd="0" destOrd="0"/>
        <dgm:cxn modelId="14" srcId="1" destId="12" srcOrd="1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  <dgm:pt modelId="4"/>
        <dgm:pt modelId="5"/>
        <dgm:pt modelId="6"/>
        <dgm:pt modelId="7"/>
      </dgm:ptLst>
      <dgm:cxnLst>
        <dgm:cxn modelId="8" srcId="0" destId="1" srcOrd="0" destOrd="0"/>
        <dgm:cxn modelId="9" srcId="1" destId="2" srcOrd="0" destOrd="0"/>
        <dgm:cxn modelId="10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  <dgm:cxn modelId="11" srcId="0" destId="4" srcOrd="1" destOrd="0"/>
        <dgm:cxn modelId="12" srcId="0" destId="5" srcOrd="2" destOrd="0"/>
        <dgm:cxn modelId="13" srcId="0" destId="6" srcOrd="3" destOrd="0"/>
        <dgm:cxn modelId="14" srcId="0" destId="7" srcOrd="4" destOrd="0"/>
      </dgm:cxnLst>
      <dgm:bg/>
      <dgm:whole/>
    </dgm:dataModel>
  </dgm:clrData>
  <dgm:layoutNode name="mainComposite">
    <dgm:varLst>
      <dgm:chPref val="1"/>
      <dgm:dir/>
      <dgm:animOne val="branch"/>
      <dgm:animLvl val="lvl"/>
      <dgm:resizeHandles val="exact"/>
    </dgm:varLst>
    <dgm:alg type="composite"/>
    <dgm:presOf/>
    <dgm:shape xmlns:r="http://schemas.openxmlformats.org/officeDocument/2006/relationships" r:blip="">
      <dgm:adjLst/>
    </dgm:shape>
    <dgm:choose name="Name0">
      <dgm:if name="Name1" axis="ch" ptType="node" func="cnt" op="gte" val="2">
        <dgm:choose name="Name2">
          <dgm:if name="Name3" func="var" arg="dir" op="equ" val="norm">
            <dgm:constrLst>
              <dgm:constr type="l" for="ch" forName="hierFlow"/>
              <dgm:constr type="t" for="ch" forName="hierFlow" refType="h" fact="0.3"/>
              <dgm:constr type="r" for="ch" forName="hierFlow" refType="w" fact="0.98"/>
              <dgm:constr type="b" for="ch" forName="hierFlow" refType="h" fact="0.96"/>
              <dgm:constr type="l" for="ch" forName="bgShapesFlow"/>
              <dgm:constr type="t" for="ch" forName="bgShapesFlow"/>
              <dgm:constr type="r" for="ch" forName="bgShapesFlow" refType="w"/>
              <dgm:constr type="b" for="ch" forName="bgShapesFlow" refType="h"/>
              <dgm:constr type="h" for="des" forName="level1Shape" refType="h"/>
              <dgm:constr type="w" for="des" forName="level1Shape" refType="h" refFor="des" refForName="level1Shape" fact="2"/>
              <dgm:constr type="w" for="des" forName="level2Shape" refType="w" refFor="des" refForName="level1Shape" op="equ"/>
              <dgm:constr type="h" for="des" forName="level2Shape" refType="h" refFor="des" refForName="level1Shape" op="equ"/>
              <dgm:constr type="sp" for="des" refType="w" refFor="des" refForName="level1Shape" op="equ" fact="0.4"/>
              <dgm:constr type="sibSp" for="des" forName="hierChild1" refType="h" refFor="des" refForName="level1Shape" op="equ" fact="0.15"/>
              <dgm:constr type="sibSp" for="des" forName="hierChild2" refType="sibSp" refFor="des" refForName="hierChild1" op="equ"/>
              <dgm:constr type="sibSp" for="des" forName="hierChild3" refType="sibSp" refFor="des" refForName="hierChild1" op="equ"/>
              <dgm:constr type="userA" for="des" refType="w" refFor="des" refForName="level1Shape" op="equ"/>
              <dgm:constr type="userB" for="des" refType="sp" refFor="des" op="equ"/>
              <dgm:constr type="w" for="des" forName="firstBuf" refType="w" refFor="des" refForName="level1Shape" fact="0.1"/>
            </dgm:constrLst>
          </dgm:if>
          <dgm:else name="Name4">
            <dgm:constrLst>
              <dgm:constr type="l" for="ch" forName="hierFlow" refType="w" fact="0.02"/>
              <dgm:constr type="t" for="ch" forName="hierFlow" refType="h" fact="0.3"/>
              <dgm:constr type="r" for="ch" forName="hierFlow" refType="w"/>
              <dgm:constr type="b" for="ch" forName="hierFlow" refType="h" fact="0.96"/>
              <dgm:constr type="l" for="ch" forName="bgShapesFlow"/>
              <dgm:constr type="t" for="ch" forName="bgShapesFlow"/>
              <dgm:constr type="r" for="ch" forName="bgShapesFlow" refType="w"/>
              <dgm:constr type="b" for="ch" forName="bgShapesFlow" refType="h"/>
              <dgm:constr type="h" for="des" forName="level1Shape" refType="h"/>
              <dgm:constr type="w" for="des" forName="level1Shape" refType="h" refFor="des" refForName="level1Shape" fact="2"/>
              <dgm:constr type="w" for="des" forName="level2Shape" refType="w" refFor="des" refForName="level1Shape" op="equ"/>
              <dgm:constr type="h" for="des" forName="level2Shape" refType="h" refFor="des" refForName="level1Shape" op="equ"/>
              <dgm:constr type="sp" for="des" refType="w" refFor="des" refForName="level1Shape" op="equ" fact="0.4"/>
              <dgm:constr type="sibSp" for="des" forName="hierChild1" refType="h" refFor="des" refForName="level1Shape" op="equ" fact="0.15"/>
              <dgm:constr type="sibSp" for="des" forName="hierChild2" refType="sibSp" refFor="des" refForName="hierChild1" op="equ"/>
              <dgm:constr type="sibSp" for="des" forName="hierChild3" refType="sibSp" refFor="des" refForName="hierChild1" op="equ"/>
              <dgm:constr type="userA" for="des" refType="w" refFor="des" refForName="level1Shape" op="equ"/>
              <dgm:constr type="userB" for="des" refType="sp" refFor="des" op="equ"/>
              <dgm:constr type="w" for="des" forName="firstBuf" refType="w" refFor="des" refForName="level1Shape" fact="0.1"/>
            </dgm:constrLst>
          </dgm:else>
        </dgm:choose>
      </dgm:if>
      <dgm:else name="Name5">
        <dgm:constrLst>
          <dgm:constr type="l" for="ch" forName="hierFlow"/>
          <dgm:constr type="t" for="ch" forName="hierFlow"/>
          <dgm:constr type="r" for="ch" forName="hierFlow" refType="w"/>
          <dgm:constr type="b" for="ch" forName="hierFlow" refType="h"/>
          <dgm:constr type="l" for="ch" forName="bgShapesFlow"/>
          <dgm:constr type="t" for="ch" forName="bgShapesFlow"/>
          <dgm:constr type="r" for="ch" forName="bgShapesFlow" refType="w"/>
          <dgm:constr type="b" for="ch" forName="bgShapesFlow" refType="h"/>
          <dgm:constr type="h" for="des" forName="level1Shape" refType="h"/>
          <dgm:constr type="w" for="des" forName="level1Shape" refType="h" refFor="des" refForName="level1Shape" fact="2"/>
          <dgm:constr type="w" for="des" forName="level2Shape" refType="w" refFor="des" refForName="level1Shape" op="equ"/>
          <dgm:constr type="h" for="des" forName="level2Shape" refType="h" refFor="des" refForName="level1Shape" op="equ"/>
          <dgm:constr type="sp" for="des" refType="w" refFor="des" refForName="level1Shape" op="equ" fact="0.4"/>
          <dgm:constr type="sibSp" for="des" forName="hierChild1" refType="h" refFor="des" refForName="level1Shape" op="equ" fact="0.15"/>
          <dgm:constr type="sibSp" for="des" forName="hierChild2" refType="sibSp" refFor="des" refForName="hierChild1" op="equ"/>
          <dgm:constr type="sibSp" for="des" forName="hierChild3" refType="sibSp" refFor="des" refForName="hierChild1" op="equ"/>
          <dgm:constr type="userA" for="des" refType="w" refFor="des" refForName="level1Shape" op="equ"/>
          <dgm:constr type="userB" for="des" refType="sp" refFor="des" op="equ"/>
          <dgm:constr type="w" for="des" forName="firstBuf" refType="w" refFor="des" refForName="level1Shape" fact="0.1"/>
        </dgm:constrLst>
      </dgm:else>
    </dgm:choose>
    <dgm:ruleLst/>
    <dgm:layoutNode name="hierFlow">
      <dgm:choose name="Name6">
        <dgm:if name="Name7" func="var" arg="dir" op="equ" val="norm">
          <dgm:alg type="lin">
            <dgm:param type="linDir" val="fromL"/>
            <dgm:param type="nodeVertAlign" val="mid"/>
            <dgm:param type="vertAlign" val="mid"/>
            <dgm:param type="nodeHorzAlign" val="l"/>
            <dgm:param type="horzAlign" val="l"/>
            <dgm:param type="fallback" val="2D"/>
          </dgm:alg>
        </dgm:if>
        <dgm:else name="Name8">
          <dgm:alg type="lin">
            <dgm:param type="linDir" val="fromR"/>
            <dgm:param type="nodeVertAlign" val="mid"/>
            <dgm:param type="vertAlign" val="mid"/>
            <dgm:param type="nodeHorzAlign" val="r"/>
            <dgm:param type="horzAlign" val="r"/>
            <dgm:param type="fallback" val="2D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primFontSz" for="des" ptType="node" op="equ" val="65"/>
        <dgm:constr type="primFontSz" for="des" forName="connTx" op="equ" val="55"/>
        <dgm:constr type="primFontSz" for="des" forName="connTx" refType="primFontSz" refFor="des" refPtType="node" op="lte" fact="0.8"/>
      </dgm:constrLst>
      <dgm:ruleLst/>
      <dgm:choose name="Name9">
        <dgm:if name="Name10" axis="ch" ptType="node" func="cnt" op="gte" val="2">
          <dgm:layoutNode name="firstBuf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if>
        <dgm:else name="Name11"/>
      </dgm:choose>
      <dgm:layoutNode name="hierChild1">
        <dgm:varLst>
          <dgm:chPref val="1"/>
          <dgm:animOne val="branch"/>
          <dgm:animLvl val="lvl"/>
        </dgm:varLst>
        <dgm:choose name="Name12">
          <dgm:if name="Name13" func="var" arg="dir" op="equ" val="norm">
            <dgm:alg type="hierChild">
              <dgm:param type="linDir" val="fromT"/>
              <dgm:param type="chAlign" val="l"/>
            </dgm:alg>
          </dgm:if>
          <dgm:else name="Name14">
            <dgm:alg type="hierChild">
              <dgm:param type="linDir" val="fromT"/>
              <dgm:param type="ch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forEach name="Name15" axis="ch" cnt="3">
          <dgm:forEach name="Name16" axis="self" ptType="node">
            <dgm:layoutNode name="Name17">
              <dgm:choose name="Name18">
                <dgm:if name="Name19" func="var" arg="dir" op="equ" val="norm">
                  <dgm:alg type="hierRoot">
                    <dgm:param type="hierAlign" val="lCtrCh"/>
                  </dgm:alg>
                </dgm:if>
                <dgm:else name="Name20">
                  <dgm:alg type="hierRoot">
                    <dgm:param type="hierAlign" val="rCtrCh"/>
                  </dgm:alg>
                </dgm:else>
              </dgm:choose>
              <dgm:shape xmlns:r="http://schemas.openxmlformats.org/officeDocument/2006/relationships" r:blip="">
                <dgm:adjLst/>
              </dgm:shape>
              <dgm:presOf/>
              <dgm:constrLst/>
              <dgm:ruleLst/>
              <dgm:layoutNode name="level1Shape" styleLbl="node0">
                <dgm:varLst>
                  <dgm:chPref val="3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self"/>
                <dgm:constrLst>
                  <dgm:constr type="tMarg" refType="primFontSz" fact="0.05"/>
                  <dgm:constr type="bMarg" refType="primFontSz" fact="0.05"/>
                  <dgm:constr type="lMarg" refType="primFontSz" fact="0.05"/>
                  <dgm:constr type="rMarg" refType="primFontSz" fact="0.05"/>
                </dgm:constrLst>
                <dgm:ruleLst>
                  <dgm:rule type="primFontSz" val="5" fact="NaN" max="NaN"/>
                </dgm:ruleLst>
              </dgm:layoutNode>
              <dgm:layoutNode name="hierChild2">
                <dgm:choose name="Name21">
                  <dgm:if name="Name22" func="var" arg="dir" op="equ" val="norm">
                    <dgm:alg type="hierChild">
                      <dgm:param type="linDir" val="fromT"/>
                      <dgm:param type="chAlign" val="l"/>
                    </dgm:alg>
                  </dgm:if>
                  <dgm:else name="Name23">
                    <dgm:alg type="hierChild">
                      <dgm:param type="linDir" val="fromT"/>
                      <dgm:param type="chAlign" val="r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  <dgm:forEach name="repeat" axis="ch">
                  <dgm:forEach name="Name24" axis="self" ptType="parTrans" cnt="1">
                    <dgm:layoutNode name="Name25">
                      <dgm:choose name="Name26">
                        <dgm:if name="Name27" func="var" arg="dir" op="equ" val="norm">
                          <dgm:alg type="conn">
                            <dgm:param type="dim" val="1D"/>
                            <dgm:param type="begPts" val="midR"/>
                            <dgm:param type="endPts" val="midL"/>
                            <dgm:param type="endSty" val="noArr"/>
                          </dgm:alg>
                        </dgm:if>
                        <dgm:else name="Name28">
                          <dgm:alg type="conn">
                            <dgm:param type="dim" val="1D"/>
                            <dgm:param type="begPts" val="midL"/>
                            <dgm:param type="endPts" val="midR"/>
                            <dgm:param type="endSty" val="noArr"/>
                          </dgm:alg>
                        </dgm:else>
                      </dgm:choose>
                      <dgm:shape xmlns:r="http://schemas.openxmlformats.org/officeDocument/2006/relationships" type="conn" r:blip="">
                        <dgm:adjLst/>
                      </dgm:shape>
                      <dgm:presOf axis="self"/>
                      <dgm:constrLst>
                        <dgm:constr type="w" val="1"/>
                        <dgm:constr type="h" val="5"/>
                        <dgm:constr type="connDist"/>
                        <dgm:constr type="begPad"/>
                        <dgm:constr type="endPad"/>
                        <dgm:constr type="userA" for="ch" refType="connDist"/>
                      </dgm:constrLst>
                      <dgm:ruleLst/>
                      <dgm:layoutNode name="connTx">
                        <dgm:alg type="tx">
                          <dgm:param type="autoTxRot" val="grav"/>
                        </dgm:alg>
                        <dgm:shape xmlns:r="http://schemas.openxmlformats.org/officeDocument/2006/relationships" type="rect" r:blip="" hideGeom="1">
                          <dgm:adjLst/>
                        </dgm:shape>
                        <dgm:presOf axis="self"/>
                        <dgm:constrLst>
                          <dgm:constr type="userA"/>
                          <dgm:constr type="w" refType="userA" fact="0.05"/>
                          <dgm:constr type="h" refType="userA" fact="0.05"/>
                          <dgm:constr type="lMarg" val="1"/>
                          <dgm:constr type="rMarg" val="1"/>
                          <dgm:constr type="tMarg"/>
                          <dgm:constr type="bMarg"/>
                        </dgm:constrLst>
                        <dgm:ruleLst>
                          <dgm:rule type="h" val="NaN" fact="0.25" max="NaN"/>
                          <dgm:rule type="w" val="NaN" fact="0.8" max="NaN"/>
                          <dgm:rule type="primFontSz" val="5" fact="NaN" max="NaN"/>
                        </dgm:ruleLst>
                      </dgm:layoutNode>
                    </dgm:layoutNode>
                  </dgm:forEach>
                  <dgm:forEach name="Name29" axis="self" ptType="node">
                    <dgm:layoutNode name="Name30">
                      <dgm:choose name="Name31">
                        <dgm:if name="Name32" func="var" arg="dir" op="equ" val="norm">
                          <dgm:alg type="hierRoot">
                            <dgm:param type="hierAlign" val="lCtrCh"/>
                          </dgm:alg>
                        </dgm:if>
                        <dgm:else name="Name33">
                          <dgm:alg type="hierRoot">
                            <dgm:param type="hierAlign" val="rCtrCh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constrLst/>
                      <dgm:ruleLst/>
                      <dgm:layoutNode name="level2Shape">
                        <dgm:alg type="tx"/>
                        <dgm:shape xmlns:r="http://schemas.openxmlformats.org/officeDocument/2006/relationships" type="roundRect" r:blip="">
                          <dgm:adjLst>
                            <dgm:adj idx="1" val="0.1"/>
                          </dgm:adjLst>
                        </dgm:shape>
                        <dgm:presOf axis="self"/>
                        <dgm:constrLst>
                          <dgm:constr type="tMarg" refType="primFontSz" fact="0.05"/>
                          <dgm:constr type="bMarg" refType="primFontSz" fact="0.05"/>
                          <dgm:constr type="lMarg" refType="primFontSz" fact="0.05"/>
                          <dgm:constr type="rMarg" refType="primFontSz" fact="0.05"/>
                        </dgm:constrLst>
                        <dgm:ruleLst>
                          <dgm:rule type="primFontSz" val="5" fact="NaN" max="NaN"/>
                        </dgm:ruleLst>
                      </dgm:layoutNode>
                      <dgm:layoutNode name="hierChild3">
                        <dgm:choose name="Name34">
                          <dgm:if name="Name35" func="var" arg="dir" op="equ" val="norm">
                            <dgm:alg type="hierChild">
                              <dgm:param type="linDir" val="fromT"/>
                              <dgm:param type="chAlign" val="l"/>
                            </dgm:alg>
                          </dgm:if>
                          <dgm:else name="Name36">
                            <dgm:alg type="hierChild">
                              <dgm:param type="linDir" val="fromT"/>
                              <dgm:param type="chAlign" val="r"/>
                            </dgm:alg>
                          </dgm:else>
                        </dgm:choose>
                        <dgm:shape xmlns:r="http://schemas.openxmlformats.org/officeDocument/2006/relationships" r:blip="">
                          <dgm:adjLst/>
                        </dgm:shape>
                        <dgm:presOf/>
                        <dgm:constrLst/>
                        <dgm:ruleLst/>
                        <dgm:forEach name="Name37" ref="repeat"/>
                      </dgm:layoutNode>
                    </dgm:layoutNode>
                  </dgm:forEach>
                </dgm:forEach>
              </dgm:layoutNode>
            </dgm:layoutNode>
          </dgm:forEach>
        </dgm:forEach>
      </dgm:layoutNode>
    </dgm:layoutNode>
    <dgm:layoutNode name="bgShapesFlow">
      <dgm:choose name="Name38">
        <dgm:if name="Name39" func="var" arg="dir" op="equ" val="norm">
          <dgm:alg type="lin">
            <dgm:param type="linDir" val="fromL"/>
            <dgm:param type="nodeVertAlign" val="mid"/>
            <dgm:param type="vertAlign" val="mid"/>
            <dgm:param type="nodeHorzAlign" val="l"/>
            <dgm:param type="horzAlign" val="l"/>
          </dgm:alg>
        </dgm:if>
        <dgm:else name="Name40">
          <dgm:alg type="lin">
            <dgm:param type="linDir" val="fromR"/>
            <dgm:param type="nodeVertAlign" val="mid"/>
            <dgm:param type="vertAlign" val="mid"/>
            <dgm:param type="nodeHorzAlign" val="r"/>
            <dgm:param type="horzAlign" val="r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w" for="ch" forName="rectComp" refType="w"/>
        <dgm:constr type="h" for="ch" forName="rectComp" refType="h"/>
        <dgm:constr type="h" for="des" forName="bgRect" refType="h"/>
        <dgm:constr type="primFontSz" for="des" forName="bgRectTx" op="equ" val="65"/>
      </dgm:constrLst>
      <dgm:ruleLst/>
      <dgm:forEach name="Name41" axis="ch" ptType="node" st="2">
        <dgm:layoutNode name="rectComp">
          <dgm:alg type="composite"/>
          <dgm:shape xmlns:r="http://schemas.openxmlformats.org/officeDocument/2006/relationships" r:blip="">
            <dgm:adjLst/>
          </dgm:shape>
          <dgm:presOf/>
          <dgm:constrLst>
            <dgm:constr type="userA"/>
            <dgm:constr type="l" for="ch" forName="bgRect"/>
            <dgm:constr type="t" for="ch" forName="bgRect"/>
            <dgm:constr type="w" for="ch" forName="bgRect" refType="userA" fact="1.2"/>
            <dgm:constr type="l" for="ch" forName="bgRectTx"/>
            <dgm:constr type="t" for="ch" forName="bgRectTx"/>
            <dgm:constr type="h" for="ch" forName="bgRectTx" refType="h" refFor="ch" refForName="bgRect" fact="0.3"/>
            <dgm:constr type="w" for="ch" forName="bgRectTx" refType="w" refFor="ch" refForName="bgRect" op="equ"/>
          </dgm:constrLst>
          <dgm:ruleLst/>
          <dgm:layoutNode name="bgRect" styleLbl="bgShp">
            <dgm:alg type="sp"/>
            <dgm:shape xmlns:r="http://schemas.openxmlformats.org/officeDocument/2006/relationships" type="roundRect" r:blip="" zOrderOff="-999">
              <dgm:adjLst>
                <dgm:adj idx="1" val="0.1"/>
              </dgm:adjLst>
            </dgm:shape>
            <dgm:presOf axis="desOrSelf" ptType="node"/>
            <dgm:constrLst/>
            <dgm:ruleLst/>
          </dgm:layoutNode>
          <dgm:layoutNode name="bgRectTx" styleLbl="bgShp">
            <dgm:varLst>
              <dgm:bulletEnabled val="1"/>
            </dgm:varLst>
            <dgm:alg type="tx"/>
            <dgm:shape xmlns:r="http://schemas.openxmlformats.org/officeDocument/2006/relationships" type="rect" r:blip="" zOrderOff="-999" hideGeom="1">
              <dgm:adjLst/>
            </dgm:shape>
            <dgm:presOf axis="desOrSelf" ptType="node"/>
            <dgm:constrLst/>
            <dgm:ruleLst>
              <dgm:rule type="primFontSz" val="5" fact="NaN" max="NaN"/>
            </dgm:ruleLst>
          </dgm:layoutNode>
        </dgm:layoutNode>
        <dgm:choose name="Name42">
          <dgm:if name="Name43" axis="self" ptType="node" func="revPos" op="gte" val="2">
            <dgm:layoutNode name="spComp">
              <dgm:alg type="composite"/>
              <dgm:shape xmlns:r="http://schemas.openxmlformats.org/officeDocument/2006/relationships" r:blip="">
                <dgm:adjLst/>
              </dgm:shape>
              <dgm:presOf/>
              <dgm:constrLst>
                <dgm:constr type="userA"/>
                <dgm:constr type="userB"/>
                <dgm:constr type="l" for="ch" forName="hSp"/>
                <dgm:constr type="t" for="ch" forName="hSp"/>
                <dgm:constr type="w" for="ch" forName="hSp" refType="userB"/>
                <dgm:constr type="wOff" for="ch" forName="hSp" refType="userA" fact="-0.2"/>
              </dgm:constrLst>
              <dgm:ruleLst/>
              <dgm:layoutNode name="hSp">
                <dgm:alg type="sp"/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</dgm:layoutNode>
            </dgm:layoutNode>
          </dgm:if>
          <dgm:else name="Name44"/>
        </dgm:choose>
      </dgm:forEach>
    </dgm:layoutNode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sz="700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z="700" smtClean="0"/>
              <a:t>‹#›</a:t>
            </a:fld>
            <a:endParaRPr lang="en-GB" sz="700" dirty="0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z="700" smtClean="0"/>
              <a:t>18/05/2024</a:t>
            </a:fld>
            <a:endParaRPr lang="en-GB" sz="700" dirty="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sz="700" dirty="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1990" y="4773374"/>
            <a:ext cx="5455920" cy="3905488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700"/>
            </a:lvl1pPr>
          </a:lstStyle>
          <a:p>
            <a:fld id="{1386E511-D742-4EFE-90B5-C9FC42762E0F}" type="datetimeFigureOut">
              <a:rPr lang="en-GB" smtClean="0"/>
              <a:pPr/>
              <a:t>18/05/2024</a:t>
            </a:fld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7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700"/>
            </a:lvl1pPr>
          </a:lstStyle>
          <a:p>
            <a:endParaRPr lang="en-GB" dirty="0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434975" y="1239838"/>
            <a:ext cx="5949950" cy="334803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7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9456381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6561205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g"/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SV blu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32BB7F6-9F0A-A368-C487-990A3FB80186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3686554A-1224-B98B-303F-3DEF4C9C95F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20D0076-D329-96AA-A04A-541769850DC5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B43EA88E-0BF1-3508-3720-CE65072E16F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2E0F7ED9-BD90-84B2-5B4F-85E0B0B7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95822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10">
            <a:extLst>
              <a:ext uri="{FF2B5EF4-FFF2-40B4-BE49-F238E27FC236}">
                <a16:creationId xmlns:a16="http://schemas.microsoft.com/office/drawing/2014/main" id="{89571D55-61C8-1072-5592-ED5E71F0EC6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14300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615A88E0-4E4A-519D-9700-7D5CA52F898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F2468DD4-BE4F-9ACC-7037-B7B58F3877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F0286516-5F7F-CE86-B65D-766BC770DD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1905882"/>
      </p:ext>
    </p:extLst>
  </p:cSld>
  <p:clrMapOvr>
    <a:masterClrMapping/>
  </p:clrMapOvr>
  <p:transition spd="slow">
    <p:push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FB94A73F-473D-8EE9-886D-D0230F6DF5A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BC7DA32B-9DA6-837C-A252-B237166ABF3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157FDFF-ED79-E7B5-E586-44FD83BCDB3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56B00B80-C8F3-9B75-F1D9-191A496D4D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0269590"/>
      </p:ext>
    </p:extLst>
  </p:cSld>
  <p:clrMapOvr>
    <a:masterClrMapping/>
  </p:clrMapOvr>
  <p:transition spd="slow">
    <p:push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1143001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93401DF-3442-EF28-EF87-4ADB68B22AF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A3BB0EBC-BA87-021D-10AB-98DE0933FAB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52278516-4C84-CBAB-C31C-851D3CCD516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6647476"/>
      </p:ext>
    </p:extLst>
  </p:cSld>
  <p:clrMapOvr>
    <a:masterClrMapping/>
  </p:clrMapOvr>
  <p:transition spd="slow">
    <p:push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0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647149E-3225-6E07-A2C3-29F4AAF3BB9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B9EBF59-CDCB-7A93-2A08-D4DD7E7D683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6C075FC0-1496-772E-E48D-8E743FC362A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0927258"/>
      </p:ext>
    </p:extLst>
  </p:cSld>
  <p:clrMapOvr>
    <a:masterClrMapping/>
  </p:clrMapOvr>
  <p:transition spd="slow">
    <p:push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Four pictures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2857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800" spc="-15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Content Placeholder 8">
            <a:extLst>
              <a:ext uri="{FF2B5EF4-FFF2-40B4-BE49-F238E27FC236}">
                <a16:creationId xmlns:a16="http://schemas.microsoft.com/office/drawing/2014/main" id="{31B76FEC-FA37-5397-4146-517D33B039B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 bwMode="white">
          <a:xfrm>
            <a:off x="1015999" y="4000499"/>
            <a:ext cx="4064001" cy="1714501"/>
          </a:xfrm>
        </p:spPr>
        <p:txBody>
          <a:bodyPr anchor="b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7" name="Picture Placeholder 12">
            <a:extLst>
              <a:ext uri="{FF2B5EF4-FFF2-40B4-BE49-F238E27FC236}">
                <a16:creationId xmlns:a16="http://schemas.microsoft.com/office/drawing/2014/main" id="{160ED267-CE2A-9C6E-2A58-D17EC49FD33B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144000" y="-6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3" name="Picture Placeholder 14">
            <a:extLst>
              <a:ext uri="{FF2B5EF4-FFF2-40B4-BE49-F238E27FC236}">
                <a16:creationId xmlns:a16="http://schemas.microsoft.com/office/drawing/2014/main" id="{7917D4E6-EBD9-387E-C598-F1E497609D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5998" y="3429000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86AA52A1-0E52-62B5-82F1-71500022762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9144000" y="3429000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67E9A8FD-18CF-3BCF-7734-E0DE693EE83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940629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A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9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112001" y="2286000"/>
            <a:ext cx="3048000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Date_DateCustomA" hidden="1">
            <a:extLst>
              <a:ext uri="{FF2B5EF4-FFF2-40B4-BE49-F238E27FC236}">
                <a16:creationId xmlns:a16="http://schemas.microsoft.com/office/drawing/2014/main" id="{F8F6FA0E-135D-B279-FA33-FE27ACB56FD4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16" name="FLD_PresentationTitle" hidden="1">
            <a:extLst>
              <a:ext uri="{FF2B5EF4-FFF2-40B4-BE49-F238E27FC236}">
                <a16:creationId xmlns:a16="http://schemas.microsoft.com/office/drawing/2014/main" id="{B44FDAFB-C5C0-A39A-436F-064D0BCF449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82686216"/>
      </p:ext>
    </p:extLst>
  </p:cSld>
  <p:clrMapOvr>
    <a:masterClrMapping/>
  </p:clrMapOvr>
  <p:transition spd="slow">
    <p:push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B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032000" y="2286000"/>
            <a:ext cx="3048001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spcBef>
                <a:spcPts val="1000"/>
              </a:spcBef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_DateCustomA" hidden="1">
            <a:extLst>
              <a:ext uri="{FF2B5EF4-FFF2-40B4-BE49-F238E27FC236}">
                <a16:creationId xmlns:a16="http://schemas.microsoft.com/office/drawing/2014/main" id="{3F76FFE6-0EF7-1458-6DBC-A308223D23FD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DBC57DC-1F97-14E1-7119-084B290A01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55727931"/>
      </p:ext>
    </p:extLst>
  </p:cSld>
  <p:clrMapOvr>
    <a:masterClrMapping/>
  </p:clrMapOvr>
  <p:transition spd="slow">
    <p:push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Date_DateCustomA" hidden="1">
            <a:extLst>
              <a:ext uri="{FF2B5EF4-FFF2-40B4-BE49-F238E27FC236}">
                <a16:creationId xmlns:a16="http://schemas.microsoft.com/office/drawing/2014/main" id="{9B76FB2B-7B27-25A8-D5DA-A1D0299217C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12" name="FLD_PresentationTitle" hidden="1">
            <a:extLst>
              <a:ext uri="{FF2B5EF4-FFF2-40B4-BE49-F238E27FC236}">
                <a16:creationId xmlns:a16="http://schemas.microsoft.com/office/drawing/2014/main" id="{7122A9DB-AE31-0883-5DF7-D7EC3B6283C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545293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CF89A6E-A60B-2C8B-57F5-0EFF32F35FB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072395F-8149-8E1A-0376-145F44D7202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8855061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C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D628073-55BA-B140-2CA5-8C8B182FC7A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2F313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91378"/>
            <a:ext cx="7112000" cy="551622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E928560C-DC49-6629-0665-93FBC7B9744F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0F42B128-E614-B433-B4F5-E8A753D6125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957260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Whit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B9019654-4813-5F8A-EA65-5AE9FE42F7B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D925183B-C5E9-CA72-F99B-A8B64B88B6D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5BC658D0-3D0D-6FBA-4900-55595E10CC0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A83469B6-0EA8-B63F-D617-0C1C27E69C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221727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7112000" cy="1142999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10160000" cy="4000500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BE6232D6-50CD-B698-14DF-4F5A2739577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BDF4765D-9202-4F81-D4C8-B11E46E8B40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0644018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81440"/>
            <a:ext cx="7112000" cy="1142999"/>
          </a:xfrm>
        </p:spPr>
        <p:txBody>
          <a:bodyPr/>
          <a:lstStyle>
            <a:lvl1pPr>
              <a:defRPr sz="2800" spc="-18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24439"/>
            <a:ext cx="10160000" cy="3990561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192C0DFA-1CB1-427A-8E9E-750569DCB657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43C32F2A-B66D-B6D5-BC1E-EBF8300221C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18995452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3DCF2622-D659-48E0-7315-C7387BD4C49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2258D535-C25E-08A6-2C26-FBE0A94A38D5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550470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4B00D8CC-C5D8-4502-052E-A77492C533CD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EDE9E90-437C-62DF-5155-E6923CF6DD0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5600894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EFF0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A5A34D3A-887D-D1FA-6E48-9D6579F604F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27F490B2-DC8E-2315-231D-0E2CB869A8D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85419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112000" y="583791"/>
            <a:ext cx="4064000" cy="55920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AA9DA8B-CBA2-1A7A-7B50-DDA2EEA025DF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38CE46C6-A82E-9E68-3EA1-4DD1A52444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6703727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5D7F899-F1AD-FDE9-96BB-9CFC92DAFE1A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BFB7D583-2F21-0EB2-FA04-5FD05A27CE9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693624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F">
    <p:bg>
      <p:bgPr>
        <a:solidFill>
          <a:srgbClr val="00266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AE5164C-C20B-8076-6BB7-2C2A39507DF5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6C2CA471-A2FD-03B2-DE2D-2C5CF5B50C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766887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G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4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63ED12B-D4FE-23D3-22A8-EE584DBE806E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84F7E3A9-7C1E-AB7B-38AC-7342990198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7136248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Two columns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1" y="571500"/>
            <a:ext cx="4064000" cy="876298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1"/>
            <a:ext cx="1879600" cy="40004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91CB7469-3391-9372-6F59-350B413CD38A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200401" y="1714501"/>
            <a:ext cx="1879600" cy="40005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Date_DateCustomA" hidden="1">
            <a:extLst>
              <a:ext uri="{FF2B5EF4-FFF2-40B4-BE49-F238E27FC236}">
                <a16:creationId xmlns:a16="http://schemas.microsoft.com/office/drawing/2014/main" id="{063BE6C7-9EA1-6AB0-95F6-C3B6001BD101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10" name="FLD_PresentationTitle" hidden="1">
            <a:extLst>
              <a:ext uri="{FF2B5EF4-FFF2-40B4-BE49-F238E27FC236}">
                <a16:creationId xmlns:a16="http://schemas.microsoft.com/office/drawing/2014/main" id="{3D120C54-5141-63EA-06B0-3A3EEE832FD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704847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ark picture.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5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3" name="Date_DateCustomA" hidden="1">
            <a:extLst>
              <a:ext uri="{FF2B5EF4-FFF2-40B4-BE49-F238E27FC236}">
                <a16:creationId xmlns:a16="http://schemas.microsoft.com/office/drawing/2014/main" id="{BDE2133D-F949-2B78-1FB8-2497C0F9543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14" name="FLD_PresentationTitle" hidden="1">
            <a:extLst>
              <a:ext uri="{FF2B5EF4-FFF2-40B4-BE49-F238E27FC236}">
                <a16:creationId xmlns:a16="http://schemas.microsoft.com/office/drawing/2014/main" id="{B0AEC2B2-1751-BF9A-070E-37CF02B003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5" hidden="1">
            <a:extLst>
              <a:ext uri="{FF2B5EF4-FFF2-40B4-BE49-F238E27FC236}">
                <a16:creationId xmlns:a16="http://schemas.microsoft.com/office/drawing/2014/main" id="{017562DB-CBFA-21AA-7D2C-9943DAF434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930541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/4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9144000" y="571500"/>
            <a:ext cx="2032000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144000" y="1714500"/>
            <a:ext cx="2032000" cy="40005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ABBB9E5C-2A23-1E64-A74E-B72955851CD6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F95729FB-88F6-08B1-C189-5A2EFA3A51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619172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/8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063998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3791"/>
            <a:ext cx="2031998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5998" y="1714500"/>
            <a:ext cx="2032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D561AFBC-E08F-3499-6AE8-256B43500740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D5BB4934-9905-0D7D-50F4-2251ADE46D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442256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11430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  <p:transition spd="slow">
    <p:push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,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5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3A0DC2B-B593-D15B-E451-6EF7B951A75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016000" y="1143000"/>
            <a:ext cx="10160000" cy="5715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916503082"/>
      </p:ext>
    </p:extLst>
  </p:cSld>
  <p:clrMapOvr>
    <a:masterClrMapping/>
  </p:clrMapOvr>
  <p:transition spd="slow">
    <p:push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EAF5E4D0-5B87-4292-E9D6-4DD6ABB8BCA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3E80C29B-9A41-74AF-4700-B0C9AA5C162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28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247150249"/>
      </p:ext>
    </p:extLst>
  </p:cSld>
  <p:clrMapOvr>
    <a:masterClrMapping/>
  </p:clrMapOvr>
  <p:transition spd="slow">
    <p:push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" name="Picture Placeholder 6">
            <a:extLst>
              <a:ext uri="{FF2B5EF4-FFF2-40B4-BE49-F238E27FC236}">
                <a16:creationId xmlns:a16="http://schemas.microsoft.com/office/drawing/2014/main" id="{F8D826DE-3B17-23A6-5013-5265E264997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560231" y="1714499"/>
            <a:ext cx="2527301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3" name="Picture Placeholder 6">
            <a:extLst>
              <a:ext uri="{FF2B5EF4-FFF2-40B4-BE49-F238E27FC236}">
                <a16:creationId xmlns:a16="http://schemas.microsoft.com/office/drawing/2014/main" id="{6FF5E29D-0257-9799-DC85-BE2722718FF7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4466" y="1714499"/>
            <a:ext cx="2544234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66B91207-BE73-9981-2C64-26855D823AC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6487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129886216"/>
      </p:ext>
    </p:extLst>
  </p:cSld>
  <p:clrMapOvr>
    <a:masterClrMapping/>
  </p:clrMapOvr>
  <p:transition spd="slow">
    <p:push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E29AD41-C8C2-90DE-E65A-EFBC9857F2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8" name="Picture Placeholder 16">
            <a:extLst>
              <a:ext uri="{FF2B5EF4-FFF2-40B4-BE49-F238E27FC236}">
                <a16:creationId xmlns:a16="http://schemas.microsoft.com/office/drawing/2014/main" id="{B16CB37F-37AA-410D-204B-AD1EBCDF084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046413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9" name="Picture Placeholder 16">
            <a:extLst>
              <a:ext uri="{FF2B5EF4-FFF2-40B4-BE49-F238E27FC236}">
                <a16:creationId xmlns:a16="http://schemas.microsoft.com/office/drawing/2014/main" id="{B8AA3438-1E4F-A17B-4BA6-84604FFDA346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07682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0" name="Picture Placeholder 16">
            <a:extLst>
              <a:ext uri="{FF2B5EF4-FFF2-40B4-BE49-F238E27FC236}">
                <a16:creationId xmlns:a16="http://schemas.microsoft.com/office/drawing/2014/main" id="{DF3C2F97-EEF8-DFB6-BEE7-9C6CB8E2158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10565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1" name="Picture Placeholder 16">
            <a:extLst>
              <a:ext uri="{FF2B5EF4-FFF2-40B4-BE49-F238E27FC236}">
                <a16:creationId xmlns:a16="http://schemas.microsoft.com/office/drawing/2014/main" id="{938A246F-FC1C-528B-BF2A-063647BFB58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914463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769990759"/>
      </p:ext>
    </p:extLst>
  </p:cSld>
  <p:clrMapOvr>
    <a:masterClrMapping/>
  </p:clrMapOvr>
  <p:transition spd="slow">
    <p:push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_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316812702"/>
      </p:ext>
    </p:extLst>
  </p:cSld>
  <p:clrMapOvr>
    <a:masterClrMapping/>
  </p:clrMapOvr>
  <p:transition spd="slow">
    <p:push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n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B228394F-BE7A-2262-4AF9-4B90EED71CE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5" name="Slide Number Placeholder 2" hidden="1">
            <a:extLst>
              <a:ext uri="{FF2B5EF4-FFF2-40B4-BE49-F238E27FC236}">
                <a16:creationId xmlns:a16="http://schemas.microsoft.com/office/drawing/2014/main" id="{5681F9E3-16E7-1875-E3BC-602B9846CA6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E805FD9B-473D-902D-E033-2D4D9995A95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71BDDE09-C5FF-5BF0-2014-6703726DDB6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7AC4336A-44A7-B57B-C11B-6FE9938BFD3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33787" y="2190750"/>
            <a:ext cx="4924425" cy="2476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5461800"/>
      </p:ext>
    </p:extLst>
  </p:cSld>
  <p:clrMapOvr>
    <a:masterClrMapping/>
  </p:clrMapOvr>
  <p:transition spd="slow">
    <p:push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Box 3">
            <a:extLst>
              <a:ext uri="{FF2B5EF4-FFF2-40B4-BE49-F238E27FC236}">
                <a16:creationId xmlns:a16="http://schemas.microsoft.com/office/drawing/2014/main" id="{6544B24D-C639-700F-B730-B477473093D3}"/>
              </a:ext>
            </a:extLst>
          </p:cNvPr>
          <p:cNvSpPr txBox="1"/>
          <p:nvPr userDrawn="1"/>
        </p:nvSpPr>
        <p:spPr>
          <a:xfrm>
            <a:off x="4467579" y="1608016"/>
            <a:ext cx="2642834" cy="421653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1200"/>
              </a:spcBef>
              <a:defRPr sz="3200"/>
            </a:pPr>
            <a:r>
              <a:rPr lang="en-US" sz="1600" dirty="0"/>
              <a:t>PICTURES</a:t>
            </a:r>
            <a:br>
              <a:rPr lang="en-US" sz="1600" dirty="0"/>
            </a:br>
            <a:r>
              <a:rPr lang="en-US" sz="900" b="1" dirty="0"/>
              <a:t>Insert corporate picture from Templafy</a:t>
            </a: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</a:t>
            </a:r>
            <a:r>
              <a:rPr lang="en-US" sz="900" b="0" dirty="0"/>
              <a:t> Click the blue </a:t>
            </a:r>
            <a:r>
              <a:rPr lang="en-US" sz="900" dirty="0"/>
              <a:t>Templafy </a:t>
            </a:r>
            <a:r>
              <a:rPr lang="en-US" sz="900" b="0" dirty="0"/>
              <a:t>butto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n the dropdown, click the </a:t>
            </a:r>
            <a:r>
              <a:rPr lang="en-US" sz="900" dirty="0"/>
              <a:t>Photos </a:t>
            </a:r>
            <a:r>
              <a:rPr lang="en-US" sz="900" b="0" dirty="0"/>
              <a:t>button in the Templafy pane on the right side of the scree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3. </a:t>
            </a:r>
            <a:r>
              <a:rPr lang="en-US" sz="900" b="0" dirty="0"/>
              <a:t>Find your image and click in once to insert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You can search for images in the search field.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Crop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 </a:t>
            </a:r>
            <a:r>
              <a:rPr lang="en-US" sz="900" b="0" dirty="0"/>
              <a:t>Click </a:t>
            </a:r>
            <a:r>
              <a:rPr lang="en-US" sz="900" dirty="0"/>
              <a:t>Crop</a:t>
            </a:r>
            <a:r>
              <a:rPr lang="en-US" sz="900" b="0" dirty="0"/>
              <a:t> to change size or </a:t>
            </a:r>
            <a:br>
              <a:rPr lang="en-US" sz="900" b="0" dirty="0"/>
            </a:br>
            <a:r>
              <a:rPr lang="en-US" sz="900" b="0" dirty="0"/>
              <a:t>focus of the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f you want to scale the picture, </a:t>
            </a:r>
            <a:br>
              <a:rPr lang="en-US" sz="900" b="0" dirty="0"/>
            </a:br>
            <a:r>
              <a:rPr lang="en-US" sz="900" b="0" dirty="0"/>
              <a:t>hold </a:t>
            </a:r>
            <a:r>
              <a:rPr lang="en-US" sz="900" dirty="0"/>
              <a:t>SHIFT</a:t>
            </a:r>
            <a:r>
              <a:rPr lang="en-US" sz="900" b="0" dirty="0"/>
              <a:t>-key down while </a:t>
            </a:r>
            <a:br>
              <a:rPr lang="en-US" sz="900" b="0" dirty="0"/>
            </a:br>
            <a:r>
              <a:rPr lang="en-US" sz="900" b="0" dirty="0"/>
              <a:t>dragging the corners of the picture</a:t>
            </a:r>
            <a:br>
              <a:rPr lang="en-US" sz="900" b="0" dirty="0"/>
            </a:b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If you delete the picture and </a:t>
            </a:r>
            <a:br>
              <a:rPr lang="en-US" sz="900" b="0" dirty="0"/>
            </a:br>
            <a:r>
              <a:rPr lang="en-US" sz="900" b="0" dirty="0"/>
              <a:t>insert a new one, the picture may </a:t>
            </a:r>
            <a:br>
              <a:rPr lang="en-US" sz="900" b="0" dirty="0"/>
            </a:br>
            <a:r>
              <a:rPr lang="en-US" sz="900" b="0" dirty="0"/>
              <a:t>lie in front of the text or graphic.</a:t>
            </a:r>
            <a:br>
              <a:rPr lang="en-US" sz="900" b="0" dirty="0"/>
            </a:br>
            <a:r>
              <a:rPr lang="en-US" sz="900" b="0" dirty="0"/>
              <a:t>If this happens, select the picture, </a:t>
            </a:r>
            <a:br>
              <a:rPr lang="en-US" sz="900" b="0" dirty="0"/>
            </a:br>
            <a:r>
              <a:rPr lang="en-US" sz="900" b="0" dirty="0"/>
              <a:t>right-click and choose </a:t>
            </a:r>
            <a:r>
              <a:rPr lang="en-US" sz="900" dirty="0"/>
              <a:t>Send to Back</a:t>
            </a:r>
          </a:p>
        </p:txBody>
      </p:sp>
      <p:grpSp>
        <p:nvGrpSpPr>
          <p:cNvPr id="4" name="Gruppe 25">
            <a:extLst>
              <a:ext uri="{FF2B5EF4-FFF2-40B4-BE49-F238E27FC236}">
                <a16:creationId xmlns:a16="http://schemas.microsoft.com/office/drawing/2014/main" id="{8A1E5916-BEF1-B39E-88A3-27A3CE33FBE2}"/>
              </a:ext>
            </a:extLst>
          </p:cNvPr>
          <p:cNvGrpSpPr/>
          <p:nvPr userDrawn="1"/>
        </p:nvGrpSpPr>
        <p:grpSpPr>
          <a:xfrm>
            <a:off x="7145756" y="1876097"/>
            <a:ext cx="676670" cy="997705"/>
            <a:chOff x="0" y="0"/>
            <a:chExt cx="1353338" cy="1995408"/>
          </a:xfrm>
        </p:grpSpPr>
        <p:pic>
          <p:nvPicPr>
            <p:cNvPr id="5" name="Billede 26" descr="Billede 26">
              <a:extLst>
                <a:ext uri="{FF2B5EF4-FFF2-40B4-BE49-F238E27FC236}">
                  <a16:creationId xmlns:a16="http://schemas.microsoft.com/office/drawing/2014/main" id="{CD4E4287-D76C-463D-B65A-CB61F4A7038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0" y="0"/>
              <a:ext cx="611573" cy="731703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pic>
          <p:nvPicPr>
            <p:cNvPr id="6" name="Billede 37" descr="Billede 37">
              <a:extLst>
                <a:ext uri="{FF2B5EF4-FFF2-40B4-BE49-F238E27FC236}">
                  <a16:creationId xmlns:a16="http://schemas.microsoft.com/office/drawing/2014/main" id="{517F9EF2-51C8-E09B-9E48-D98C4B6EAA3F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3632" y="738429"/>
              <a:ext cx="1349707" cy="1256980"/>
            </a:xfrm>
            <a:prstGeom prst="rect">
              <a:avLst/>
            </a:prstGeom>
            <a:ln w="3175" cap="flat">
              <a:solidFill>
                <a:srgbClr val="F2F2F2"/>
              </a:solidFill>
              <a:prstDash val="solid"/>
              <a:round/>
            </a:ln>
            <a:effectLst/>
          </p:spPr>
        </p:pic>
      </p:grpSp>
      <p:sp>
        <p:nvSpPr>
          <p:cNvPr id="7" name="Text Box 2">
            <a:extLst>
              <a:ext uri="{FF2B5EF4-FFF2-40B4-BE49-F238E27FC236}">
                <a16:creationId xmlns:a16="http://schemas.microsoft.com/office/drawing/2014/main" id="{5E6BFE96-B170-E953-A8B2-88A3106B92AB}"/>
              </a:ext>
            </a:extLst>
          </p:cNvPr>
          <p:cNvSpPr txBox="1"/>
          <p:nvPr userDrawn="1"/>
        </p:nvSpPr>
        <p:spPr>
          <a:xfrm>
            <a:off x="1016000" y="1613646"/>
            <a:ext cx="2136361" cy="475514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TEXT STYL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Use the </a:t>
            </a:r>
            <a:r>
              <a:rPr lang="en-US" sz="900" b="1" dirty="0"/>
              <a:t>TAB</a:t>
            </a:r>
            <a:r>
              <a:rPr lang="en-US" sz="900" dirty="0"/>
              <a:t>-key to jump through levels. Click </a:t>
            </a:r>
            <a:r>
              <a:rPr lang="en-US" sz="900" b="1" dirty="0"/>
              <a:t>ENTER</a:t>
            </a:r>
            <a:r>
              <a:rPr lang="en-US" sz="900" dirty="0"/>
              <a:t>, then </a:t>
            </a:r>
            <a:r>
              <a:rPr lang="en-US" sz="900" b="1" dirty="0"/>
              <a:t>TAB</a:t>
            </a:r>
            <a:r>
              <a:rPr lang="en-US" sz="900" dirty="0"/>
              <a:t> to switch from one level to the next level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To go back in levels use </a:t>
            </a:r>
            <a:r>
              <a:rPr lang="en-US" sz="900" b="1" dirty="0"/>
              <a:t>SHIFT-TAB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Alternatively, </a:t>
            </a:r>
            <a:r>
              <a:rPr lang="en-US" sz="900" b="1" dirty="0"/>
              <a:t>Increase</a:t>
            </a:r>
            <a:r>
              <a:rPr lang="en-US" sz="900" dirty="0"/>
              <a:t> and </a:t>
            </a:r>
            <a:r>
              <a:rPr lang="en-US" sz="900" b="1" dirty="0"/>
              <a:t>Decrease</a:t>
            </a:r>
            <a:br>
              <a:rPr lang="en-US" sz="900" b="1" dirty="0"/>
            </a:br>
            <a:r>
              <a:rPr lang="en-US" sz="900" dirty="0"/>
              <a:t>list level can be used</a:t>
            </a:r>
          </a:p>
          <a:p>
            <a:pPr>
              <a:spcBef>
                <a:spcPts val="600"/>
              </a:spcBef>
              <a:defRPr sz="1800"/>
            </a:pP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Use bullet button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elete bullet for regular text.</a:t>
            </a:r>
            <a:br>
              <a:rPr lang="en-US" sz="900" dirty="0"/>
            </a:br>
            <a:r>
              <a:rPr lang="en-US" sz="900" dirty="0"/>
              <a:t>Click on the bullet button to reapply the correct bullet again</a:t>
            </a:r>
          </a:p>
          <a:p>
            <a:pPr>
              <a:spcBef>
                <a:spcPts val="600"/>
              </a:spcBef>
              <a:defRPr sz="1800"/>
            </a:pPr>
            <a:br>
              <a:rPr lang="en-US" sz="900" dirty="0"/>
            </a:br>
            <a:r>
              <a:rPr lang="en-US" sz="1600" dirty="0"/>
              <a:t>SLIDES &amp; LAYOUTS</a:t>
            </a:r>
            <a:br>
              <a:rPr lang="en-US" sz="1600" dirty="0"/>
            </a:br>
            <a:br>
              <a:rPr lang="en-US" sz="1600" dirty="0"/>
            </a:br>
            <a:r>
              <a:rPr lang="en-US" sz="900" dirty="0"/>
              <a:t>Click on the menu </a:t>
            </a:r>
            <a:r>
              <a:rPr lang="en-US" sz="900" b="1" dirty="0"/>
              <a:t>New Slide </a:t>
            </a:r>
            <a:r>
              <a:rPr lang="en-US" sz="900" dirty="0"/>
              <a:t>in the </a:t>
            </a:r>
            <a:r>
              <a:rPr lang="en-US" sz="900" b="1" dirty="0"/>
              <a:t>Home</a:t>
            </a:r>
            <a:r>
              <a:rPr lang="en-US" sz="900" dirty="0"/>
              <a:t> tab to insert a new slide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Change layout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the arrow next to </a:t>
            </a:r>
            <a:r>
              <a:rPr lang="en-US" sz="900" b="1" dirty="0"/>
              <a:t>Layout</a:t>
            </a:r>
            <a:br>
              <a:rPr lang="en-US" sz="900" b="1" dirty="0"/>
            </a:br>
            <a:r>
              <a:rPr lang="en-US" sz="900" dirty="0"/>
              <a:t>to view a dropdown menu of possible slide layouts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Reset slide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Reset </a:t>
            </a:r>
            <a:r>
              <a:rPr lang="en-US" sz="900" dirty="0"/>
              <a:t>menu to reset position, size and formatting of the </a:t>
            </a:r>
            <a:br>
              <a:rPr lang="en-US" sz="900" dirty="0"/>
            </a:br>
            <a:r>
              <a:rPr lang="en-US" sz="900" dirty="0"/>
              <a:t>slide placeholders to their default settings</a:t>
            </a:r>
          </a:p>
        </p:txBody>
      </p:sp>
      <p:pic>
        <p:nvPicPr>
          <p:cNvPr id="8" name="Picture 2" descr="Picture 2">
            <a:extLst>
              <a:ext uri="{FF2B5EF4-FFF2-40B4-BE49-F238E27FC236}">
                <a16:creationId xmlns:a16="http://schemas.microsoft.com/office/drawing/2014/main" id="{0AE98524-32C4-9EE3-E8FA-29E2F4118322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93501" y="3322850"/>
            <a:ext cx="257144" cy="285715"/>
          </a:xfrm>
          <a:prstGeom prst="rect">
            <a:avLst/>
          </a:prstGeom>
          <a:ln w="12700">
            <a:miter lim="400000"/>
          </a:ln>
        </p:spPr>
      </p:pic>
      <p:pic>
        <p:nvPicPr>
          <p:cNvPr id="10" name="Picture 29" descr="Picture 29">
            <a:extLst>
              <a:ext uri="{FF2B5EF4-FFF2-40B4-BE49-F238E27FC236}">
                <a16:creationId xmlns:a16="http://schemas.microsoft.com/office/drawing/2014/main" id="{83F57B94-FFE1-82FB-A44E-9227C7C52FB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194042" y="2599667"/>
            <a:ext cx="457144" cy="257144"/>
          </a:xfrm>
          <a:prstGeom prst="rect">
            <a:avLst/>
          </a:prstGeom>
          <a:ln w="12700">
            <a:miter lim="400000"/>
          </a:ln>
        </p:spPr>
      </p:pic>
      <p:pic>
        <p:nvPicPr>
          <p:cNvPr id="11" name="Picture 16" descr="Picture 16">
            <a:extLst>
              <a:ext uri="{FF2B5EF4-FFF2-40B4-BE49-F238E27FC236}">
                <a16:creationId xmlns:a16="http://schemas.microsoft.com/office/drawing/2014/main" id="{C6297347-9B90-9765-2062-96945E9218C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199923" y="4313402"/>
            <a:ext cx="328882" cy="505502"/>
          </a:xfrm>
          <a:prstGeom prst="rect">
            <a:avLst/>
          </a:prstGeom>
          <a:ln w="12700">
            <a:miter lim="400000"/>
          </a:ln>
        </p:spPr>
      </p:pic>
      <p:pic>
        <p:nvPicPr>
          <p:cNvPr id="12" name="Picture 20" descr="Picture 20">
            <a:extLst>
              <a:ext uri="{FF2B5EF4-FFF2-40B4-BE49-F238E27FC236}">
                <a16:creationId xmlns:a16="http://schemas.microsoft.com/office/drawing/2014/main" id="{616ABA94-E10A-5E32-669D-EBD7DA9076A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199923" y="5641555"/>
            <a:ext cx="538466" cy="172842"/>
          </a:xfrm>
          <a:prstGeom prst="rect">
            <a:avLst/>
          </a:prstGeom>
          <a:ln w="12700">
            <a:miter lim="400000"/>
          </a:ln>
        </p:spPr>
      </p:pic>
      <p:pic>
        <p:nvPicPr>
          <p:cNvPr id="13" name="Picture 19" descr="Picture 19">
            <a:extLst>
              <a:ext uri="{FF2B5EF4-FFF2-40B4-BE49-F238E27FC236}">
                <a16:creationId xmlns:a16="http://schemas.microsoft.com/office/drawing/2014/main" id="{21BBD215-6D0C-3D89-CF7D-E3806B304F3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7201777" y="4171639"/>
            <a:ext cx="313789" cy="543901"/>
          </a:xfrm>
          <a:prstGeom prst="rect">
            <a:avLst/>
          </a:prstGeom>
          <a:ln w="12700">
            <a:miter lim="400000"/>
          </a:ln>
        </p:spPr>
      </p:pic>
      <p:sp>
        <p:nvSpPr>
          <p:cNvPr id="16" name="Text Box 4">
            <a:extLst>
              <a:ext uri="{FF2B5EF4-FFF2-40B4-BE49-F238E27FC236}">
                <a16:creationId xmlns:a16="http://schemas.microsoft.com/office/drawing/2014/main" id="{2D5A08AE-C050-3C3E-D457-4601CD853B9D}"/>
              </a:ext>
            </a:extLst>
          </p:cNvPr>
          <p:cNvSpPr txBox="1"/>
          <p:nvPr userDrawn="1"/>
        </p:nvSpPr>
        <p:spPr>
          <a:xfrm>
            <a:off x="8131102" y="1608016"/>
            <a:ext cx="2214244" cy="344709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HEADER &amp; FOOTER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o this at the very end to apply the changes on all 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</a:t>
            </a:r>
            <a:r>
              <a:rPr lang="en-US" sz="900" b="1" dirty="0"/>
              <a:t>Header and Footer </a:t>
            </a:r>
            <a:r>
              <a:rPr lang="en-US" sz="900" dirty="0"/>
              <a:t>in the </a:t>
            </a:r>
            <a:r>
              <a:rPr lang="en-US" sz="900" b="1" dirty="0"/>
              <a:t>Insert</a:t>
            </a:r>
            <a:r>
              <a:rPr lang="en-US" sz="900" dirty="0"/>
              <a:t> tab (write the desired text)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</a:t>
            </a:r>
            <a:r>
              <a:rPr lang="en-US" sz="900" b="1" dirty="0"/>
              <a:t>Apply to All </a:t>
            </a:r>
            <a:r>
              <a:rPr lang="en-US" sz="900" dirty="0"/>
              <a:t>or </a:t>
            </a:r>
            <a:r>
              <a:rPr lang="en-US" sz="900" b="1" dirty="0"/>
              <a:t>Apply</a:t>
            </a:r>
            <a:r>
              <a:rPr lang="en-US" sz="900" dirty="0"/>
              <a:t> if only used on one slide</a:t>
            </a:r>
          </a:p>
          <a:p>
            <a:pPr>
              <a:spcBef>
                <a:spcPts val="1200"/>
              </a:spcBef>
              <a:defRPr sz="3200"/>
            </a:pPr>
            <a:r>
              <a:rPr lang="en-US" sz="1600" dirty="0"/>
              <a:t>GRIDLINES</a:t>
            </a:r>
            <a:endParaRPr lang="en-US" sz="1600" b="1" dirty="0"/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View</a:t>
            </a:r>
            <a:r>
              <a:rPr lang="en-US" sz="900" dirty="0"/>
              <a:t> tab and set tick mark next to </a:t>
            </a:r>
            <a:r>
              <a:rPr lang="en-US" sz="900" b="1" dirty="0"/>
              <a:t>Guides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Alt + F9 </a:t>
            </a:r>
            <a:r>
              <a:rPr lang="en-US" sz="900" b="0" dirty="0"/>
              <a:t>for quick view of guides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3200"/>
            </a:pPr>
            <a:r>
              <a:rPr lang="en-US" sz="1600" dirty="0"/>
              <a:t>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Insert predefined slides from the Templafy button. Choose </a:t>
            </a:r>
            <a:r>
              <a:rPr lang="en-US" sz="900" b="1" dirty="0"/>
              <a:t>Slides</a:t>
            </a:r>
            <a:r>
              <a:rPr lang="en-US" sz="900" dirty="0"/>
              <a:t> from the dropdown menu or from the buttons in the Templafy pane on the right side of the screen</a:t>
            </a:r>
          </a:p>
        </p:txBody>
      </p:sp>
      <p:sp>
        <p:nvSpPr>
          <p:cNvPr id="21" name="Fast overskrift">
            <a:extLst>
              <a:ext uri="{FF2B5EF4-FFF2-40B4-BE49-F238E27FC236}">
                <a16:creationId xmlns:a16="http://schemas.microsoft.com/office/drawing/2014/main" id="{E3C053DC-A8AC-4F2C-31E6-AE4ACECFE626}"/>
              </a:ext>
            </a:extLst>
          </p:cNvPr>
          <p:cNvSpPr txBox="1"/>
          <p:nvPr userDrawn="1"/>
        </p:nvSpPr>
        <p:spPr>
          <a:xfrm>
            <a:off x="1016000" y="579810"/>
            <a:ext cx="10633074" cy="49244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square" lIns="0" tIns="0" rIns="0" bIns="0">
            <a:spAutoFit/>
          </a:bodyPr>
          <a:lstStyle>
            <a:lvl1pPr>
              <a:defRPr sz="6400"/>
            </a:lvl1pPr>
          </a:lstStyle>
          <a:p>
            <a:r>
              <a:rPr lang="en-US" sz="3200" dirty="0"/>
              <a:t>TIPS &amp; TRICKS - YOUR USER GUIDE</a:t>
            </a:r>
          </a:p>
        </p:txBody>
      </p:sp>
      <p:pic>
        <p:nvPicPr>
          <p:cNvPr id="23" name="Picture 2" descr="Picture 2">
            <a:extLst>
              <a:ext uri="{FF2B5EF4-FFF2-40B4-BE49-F238E27FC236}">
                <a16:creationId xmlns:a16="http://schemas.microsoft.com/office/drawing/2014/main" id="{64425764-08A8-067C-6FC3-54C2A125B994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525149" y="4279948"/>
            <a:ext cx="650851" cy="973829"/>
          </a:xfrm>
          <a:prstGeom prst="rect">
            <a:avLst/>
          </a:prstGeom>
          <a:ln w="12700">
            <a:miter lim="400000"/>
          </a:ln>
        </p:spPr>
      </p:pic>
      <p:pic>
        <p:nvPicPr>
          <p:cNvPr id="25" name="Picture 24" descr="Picture 24">
            <a:extLst>
              <a:ext uri="{FF2B5EF4-FFF2-40B4-BE49-F238E27FC236}">
                <a16:creationId xmlns:a16="http://schemas.microsoft.com/office/drawing/2014/main" id="{7781CC46-5157-D188-A075-1AD91E7F3E73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99922" y="5077014"/>
            <a:ext cx="475429" cy="176763"/>
          </a:xfrm>
          <a:prstGeom prst="rect">
            <a:avLst/>
          </a:prstGeom>
          <a:ln w="12700">
            <a:miter lim="400000"/>
          </a:ln>
        </p:spPr>
      </p:pic>
      <p:pic>
        <p:nvPicPr>
          <p:cNvPr id="30" name="Picture 12" descr="Picture 12">
            <a:extLst>
              <a:ext uri="{FF2B5EF4-FFF2-40B4-BE49-F238E27FC236}">
                <a16:creationId xmlns:a16="http://schemas.microsoft.com/office/drawing/2014/main" id="{6CC967B0-2B41-9B4F-1FC1-4BD02B90010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10525149" y="2217244"/>
            <a:ext cx="378294" cy="543367"/>
          </a:xfrm>
          <a:prstGeom prst="rect">
            <a:avLst/>
          </a:prstGeom>
          <a:ln w="12700">
            <a:miter lim="400000"/>
          </a:ln>
        </p:spPr>
      </p:pic>
      <p:grpSp>
        <p:nvGrpSpPr>
          <p:cNvPr id="31" name="Group 3">
            <a:extLst>
              <a:ext uri="{FF2B5EF4-FFF2-40B4-BE49-F238E27FC236}">
                <a16:creationId xmlns:a16="http://schemas.microsoft.com/office/drawing/2014/main" id="{B0FC6CB9-1906-BFB6-34F3-5A63E8B42393}"/>
              </a:ext>
            </a:extLst>
          </p:cNvPr>
          <p:cNvGrpSpPr/>
          <p:nvPr userDrawn="1"/>
        </p:nvGrpSpPr>
        <p:grpSpPr>
          <a:xfrm>
            <a:off x="4465763" y="2841432"/>
            <a:ext cx="2243060" cy="594908"/>
            <a:chOff x="0" y="0"/>
            <a:chExt cx="4486118" cy="1189813"/>
          </a:xfrm>
        </p:grpSpPr>
        <p:pic>
          <p:nvPicPr>
            <p:cNvPr id="32" name="Billede 1" descr="Billede 1">
              <a:extLst>
                <a:ext uri="{FF2B5EF4-FFF2-40B4-BE49-F238E27FC236}">
                  <a16:creationId xmlns:a16="http://schemas.microsoft.com/office/drawing/2014/main" id="{E717D799-3C1A-AB85-09A3-F340C4F07A5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0" y="0"/>
              <a:ext cx="4486119" cy="1114399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sp>
          <p:nvSpPr>
            <p:cNvPr id="33" name="Rektangel 3">
              <a:extLst>
                <a:ext uri="{FF2B5EF4-FFF2-40B4-BE49-F238E27FC236}">
                  <a16:creationId xmlns:a16="http://schemas.microsoft.com/office/drawing/2014/main" id="{EA928BEC-9004-B2BD-0FF4-9152FD686F14}"/>
                </a:ext>
              </a:extLst>
            </p:cNvPr>
            <p:cNvSpPr/>
            <p:nvPr/>
          </p:nvSpPr>
          <p:spPr>
            <a:xfrm>
              <a:off x="-1" y="739579"/>
              <a:ext cx="4486118" cy="450235"/>
            </a:xfrm>
            <a:prstGeom prst="rect">
              <a:avLst/>
            </a:prstGeom>
            <a:noFill/>
            <a:ln w="25400" cap="flat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wrap="square" lIns="72000" tIns="72000" rIns="72000" bIns="72000" numCol="1" anchor="ctr">
              <a:noAutofit/>
            </a:bodyPr>
            <a:lstStyle/>
            <a:p>
              <a:pPr algn="ctr">
                <a:defRPr sz="4000">
                  <a:solidFill>
                    <a:srgbClr val="FFFFFF"/>
                  </a:solidFill>
                </a:defRPr>
              </a:pPr>
              <a:endParaRPr lang="en-US" sz="2000" dirty="0"/>
            </a:p>
          </p:txBody>
        </p:sp>
      </p:grpSp>
    </p:spTree>
    <p:extLst>
      <p:ext uri="{BB962C8B-B14F-4D97-AF65-F5344CB8AC3E}">
        <p14:creationId xmlns:p14="http://schemas.microsoft.com/office/powerpoint/2010/main" val="474519707"/>
      </p:ext>
    </p:extLst>
  </p:cSld>
  <p:clrMapOvr>
    <a:masterClrMapping/>
  </p:clrMapOvr>
  <p:transition spd="slow">
    <p:push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Light pictur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499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156D200-358D-8DB0-B3B5-7FAC7BC8DD1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491E8687-937F-340F-55F7-BA011ADBAFC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751CD079-A686-3C13-193B-112E312994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76238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bg>
      <p:bgRef idx="1002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Rectangle 15"/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blipFill dpi="0" rotWithShape="1">
            <a:blip r:embed="rId2">
              <a:alphaModFix amt="45000"/>
              <a:duotone>
                <a:schemeClr val="accent1">
                  <a:shade val="45000"/>
                  <a:satMod val="135000"/>
                </a:schemeClr>
                <a:prstClr val="white"/>
              </a:duotone>
            </a:blip>
            <a:srcRect/>
            <a:tile tx="-44450" ty="38100" sx="85000" sy="85000" flip="none" algn="tl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10" name="Rectangle 9"/>
          <p:cNvSpPr/>
          <p:nvPr/>
        </p:nvSpPr>
        <p:spPr>
          <a:xfrm>
            <a:off x="1307870" y="1267730"/>
            <a:ext cx="9576262" cy="430795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</a:ln>
          <a:effectLst>
            <a:outerShdw blurRad="50800" algn="ctr" rotWithShape="0">
              <a:prstClr val="black">
                <a:alpha val="66000"/>
              </a:prstClr>
            </a:outerShdw>
            <a:softEdge rad="0"/>
          </a:effectLst>
        </p:spPr>
      </p:sp>
      <p:sp>
        <p:nvSpPr>
          <p:cNvPr id="11" name="Rectangle 10"/>
          <p:cNvSpPr/>
          <p:nvPr/>
        </p:nvSpPr>
        <p:spPr>
          <a:xfrm>
            <a:off x="1447801" y="1411615"/>
            <a:ext cx="9296400" cy="4034770"/>
          </a:xfrm>
          <a:prstGeom prst="rect">
            <a:avLst/>
          </a:prstGeom>
          <a:noFill/>
          <a:ln w="6350" cap="sq" cmpd="sng" algn="ctr">
            <a:solidFill>
              <a:schemeClr val="tx1">
                <a:lumMod val="75000"/>
                <a:lumOff val="25000"/>
              </a:schemeClr>
            </a:solidFill>
            <a:prstDash val="solid"/>
            <a:miter lim="800000"/>
          </a:ln>
          <a:effectLst/>
        </p:spPr>
      </p:sp>
      <p:sp>
        <p:nvSpPr>
          <p:cNvPr id="15" name="Rectangle 14"/>
          <p:cNvSpPr/>
          <p:nvPr/>
        </p:nvSpPr>
        <p:spPr>
          <a:xfrm>
            <a:off x="5135880" y="1267730"/>
            <a:ext cx="1920240" cy="73152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grpSp>
        <p:nvGrpSpPr>
          <p:cNvPr id="4" name="Group 3"/>
          <p:cNvGrpSpPr/>
          <p:nvPr/>
        </p:nvGrpSpPr>
        <p:grpSpPr>
          <a:xfrm>
            <a:off x="5250180" y="1267730"/>
            <a:ext cx="1691640" cy="645295"/>
            <a:chOff x="5318306" y="1386268"/>
            <a:chExt cx="1567331" cy="645295"/>
          </a:xfrm>
        </p:grpSpPr>
        <p:cxnSp>
          <p:nvCxnSpPr>
            <p:cNvPr id="17" name="Straight Connector 16"/>
            <p:cNvCxnSpPr/>
            <p:nvPr/>
          </p:nvCxnSpPr>
          <p:spPr>
            <a:xfrm>
              <a:off x="5318306" y="1386268"/>
              <a:ext cx="0" cy="640080"/>
            </a:xfrm>
            <a:prstGeom prst="line">
              <a:avLst/>
            </a:prstGeom>
            <a:solidFill>
              <a:schemeClr val="tx1">
                <a:lumMod val="85000"/>
                <a:lumOff val="15000"/>
              </a:schemeClr>
            </a:solidFill>
            <a:ln>
              <a:solidFill>
                <a:schemeClr val="tx1"/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/>
            <p:cNvCxnSpPr/>
            <p:nvPr/>
          </p:nvCxnSpPr>
          <p:spPr>
            <a:xfrm>
              <a:off x="6885637" y="1386268"/>
              <a:ext cx="0" cy="640080"/>
            </a:xfrm>
            <a:prstGeom prst="line">
              <a:avLst/>
            </a:prstGeom>
            <a:solidFill>
              <a:schemeClr val="tx1">
                <a:lumMod val="85000"/>
                <a:lumOff val="15000"/>
              </a:schemeClr>
            </a:solidFill>
            <a:ln>
              <a:solidFill>
                <a:schemeClr val="tx1"/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/>
            <p:cNvCxnSpPr/>
            <p:nvPr/>
          </p:nvCxnSpPr>
          <p:spPr>
            <a:xfrm>
              <a:off x="5318306" y="2031563"/>
              <a:ext cx="1567331" cy="0"/>
            </a:xfrm>
            <a:prstGeom prst="line">
              <a:avLst/>
            </a:prstGeom>
            <a:solidFill>
              <a:schemeClr val="tx1">
                <a:lumMod val="85000"/>
                <a:lumOff val="15000"/>
              </a:schemeClr>
            </a:solidFill>
            <a:ln>
              <a:solidFill>
                <a:schemeClr val="tx1"/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61708" y="2091263"/>
            <a:ext cx="9068586" cy="2590800"/>
          </a:xfrm>
        </p:spPr>
        <p:txBody>
          <a:bodyPr tIns="45720" bIns="45720" anchor="ctr">
            <a:noAutofit/>
          </a:bodyPr>
          <a:lstStyle>
            <a:lvl1pPr algn="ctr">
              <a:lnSpc>
                <a:spcPct val="83000"/>
              </a:lnSpc>
              <a:defRPr lang="en-US" sz="7200" b="0" kern="1200" cap="all" spc="-100" baseline="0" dirty="0">
                <a:solidFill>
                  <a:schemeClr val="tx1">
                    <a:lumMod val="85000"/>
                    <a:lumOff val="15000"/>
                  </a:schemeClr>
                </a:solidFill>
                <a:effectLst/>
                <a:latin typeface="+mj-lt"/>
                <a:ea typeface="+mn-ea"/>
                <a:cs typeface="+mn-cs"/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62100" y="4682062"/>
            <a:ext cx="9070848" cy="457201"/>
          </a:xfrm>
        </p:spPr>
        <p:txBody>
          <a:bodyPr>
            <a:normAutofit/>
          </a:bodyPr>
          <a:lstStyle>
            <a:lvl1pPr marL="0" indent="0" algn="ctr">
              <a:spcBef>
                <a:spcPts val="0"/>
              </a:spcBef>
              <a:buNone/>
              <a:defRPr sz="1600" spc="80" baseline="0">
                <a:solidFill>
                  <a:schemeClr val="tx1"/>
                </a:solidFill>
              </a:defRPr>
            </a:lvl1pPr>
            <a:lvl2pPr marL="457200" indent="0" algn="ctr">
              <a:buNone/>
              <a:defRPr sz="1600"/>
            </a:lvl2pPr>
            <a:lvl3pPr marL="914400" indent="0" algn="ctr">
              <a:buNone/>
              <a:defRPr sz="16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20" name="Date Placeholder 19"/>
          <p:cNvSpPr>
            <a:spLocks noGrp="1"/>
          </p:cNvSpPr>
          <p:nvPr>
            <p:ph type="dt" sz="half" idx="10"/>
          </p:nvPr>
        </p:nvSpPr>
        <p:spPr>
          <a:xfrm>
            <a:off x="5318760" y="1341255"/>
            <a:ext cx="1554480" cy="527213"/>
          </a:xfrm>
        </p:spPr>
        <p:txBody>
          <a:bodyPr/>
          <a:lstStyle>
            <a:lvl1pPr algn="ctr">
              <a:defRPr sz="1300" spc="0" baseline="0">
                <a:solidFill>
                  <a:schemeClr val="tx1"/>
                </a:solidFill>
                <a:latin typeface="+mn-lt"/>
              </a:defRPr>
            </a:lvl1pPr>
          </a:lstStyle>
          <a:p>
            <a:fld id="{DDA51639-B2D6-4652-B8C3-1B4C224A7BAF}" type="datetimeFigureOut">
              <a:rPr lang="en-US" dirty="0"/>
              <a:t>5/18/2024</a:t>
            </a:fld>
            <a:endParaRPr lang="en-US" dirty="0"/>
          </a:p>
        </p:txBody>
      </p:sp>
      <p:sp>
        <p:nvSpPr>
          <p:cNvPr id="21" name="Footer Placeholder 20"/>
          <p:cNvSpPr>
            <a:spLocks noGrp="1"/>
          </p:cNvSpPr>
          <p:nvPr>
            <p:ph type="ftr" sz="quarter" idx="11"/>
          </p:nvPr>
        </p:nvSpPr>
        <p:spPr>
          <a:xfrm>
            <a:off x="1453896" y="5211060"/>
            <a:ext cx="5905500" cy="228600"/>
          </a:xfrm>
        </p:spPr>
        <p:txBody>
          <a:bodyPr/>
          <a:lstStyle>
            <a:lvl1pPr algn="l">
              <a:defRPr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21"/>
          <p:cNvSpPr>
            <a:spLocks noGrp="1"/>
          </p:cNvSpPr>
          <p:nvPr>
            <p:ph type="sldNum" sz="quarter" idx="12"/>
          </p:nvPr>
        </p:nvSpPr>
        <p:spPr>
          <a:xfrm>
            <a:off x="8606919" y="5212080"/>
            <a:ext cx="2111881" cy="228600"/>
          </a:xfrm>
        </p:spPr>
        <p:txBody>
          <a:bodyPr/>
          <a:lstStyle>
            <a:lvl1pPr>
              <a:defRPr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67400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2FF5DD9-2C52-442D-92E2-8072C0C3D7CD}" type="datetimeFigureOut">
              <a:rPr lang="en-US" dirty="0"/>
              <a:t>5/18/2024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59526973"/>
      </p:ext>
    </p:extLst>
  </p:cSld>
  <p:clrMapOvr>
    <a:masterClrMapping/>
  </p:clrMapOvr>
  <p:hf hdr="0"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Section Header">
    <p:bg>
      <p:bgRef idx="1002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Rectangle 21"/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blipFill dpi="0" rotWithShape="1">
            <a:blip r:embed="rId2">
              <a:alphaModFix amt="45000"/>
              <a:duotone>
                <a:schemeClr val="accent2">
                  <a:shade val="45000"/>
                  <a:satMod val="135000"/>
                </a:schemeClr>
                <a:prstClr val="white"/>
              </a:duotone>
            </a:blip>
            <a:srcRect/>
            <a:tile tx="-44450" ty="38100" sx="85000" sy="85000" flip="none" algn="tl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3" name="Rectangle 22"/>
          <p:cNvSpPr/>
          <p:nvPr/>
        </p:nvSpPr>
        <p:spPr>
          <a:xfrm>
            <a:off x="1307870" y="1267730"/>
            <a:ext cx="9576262" cy="430795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</a:ln>
          <a:effectLst>
            <a:outerShdw blurRad="50800" algn="ctr" rotWithShape="0">
              <a:prstClr val="black">
                <a:alpha val="66000"/>
              </a:prstClr>
            </a:outerShdw>
            <a:softEdge rad="0"/>
          </a:effectLst>
        </p:spPr>
      </p:sp>
      <p:sp>
        <p:nvSpPr>
          <p:cNvPr id="24" name="Rectangle 23"/>
          <p:cNvSpPr/>
          <p:nvPr/>
        </p:nvSpPr>
        <p:spPr>
          <a:xfrm>
            <a:off x="1447800" y="1411615"/>
            <a:ext cx="9296400" cy="4034770"/>
          </a:xfrm>
          <a:prstGeom prst="rect">
            <a:avLst/>
          </a:prstGeom>
          <a:noFill/>
          <a:ln w="6350" cap="sq" cmpd="sng" algn="ctr">
            <a:solidFill>
              <a:schemeClr val="tx1">
                <a:lumMod val="75000"/>
                <a:lumOff val="25000"/>
              </a:schemeClr>
            </a:solidFill>
            <a:prstDash val="solid"/>
            <a:miter lim="800000"/>
          </a:ln>
          <a:effectLst/>
        </p:spPr>
      </p:sp>
      <p:sp>
        <p:nvSpPr>
          <p:cNvPr id="30" name="Rectangle 29"/>
          <p:cNvSpPr/>
          <p:nvPr/>
        </p:nvSpPr>
        <p:spPr>
          <a:xfrm>
            <a:off x="5135880" y="1267730"/>
            <a:ext cx="1920240" cy="73152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grpSp>
        <p:nvGrpSpPr>
          <p:cNvPr id="31" name="Group 30"/>
          <p:cNvGrpSpPr/>
          <p:nvPr/>
        </p:nvGrpSpPr>
        <p:grpSpPr>
          <a:xfrm>
            <a:off x="5250180" y="1267730"/>
            <a:ext cx="1691640" cy="645295"/>
            <a:chOff x="5318306" y="1386268"/>
            <a:chExt cx="1567331" cy="645295"/>
          </a:xfrm>
        </p:grpSpPr>
        <p:cxnSp>
          <p:nvCxnSpPr>
            <p:cNvPr id="32" name="Straight Connector 31"/>
            <p:cNvCxnSpPr/>
            <p:nvPr/>
          </p:nvCxnSpPr>
          <p:spPr>
            <a:xfrm>
              <a:off x="5318306" y="1386268"/>
              <a:ext cx="0" cy="640080"/>
            </a:xfrm>
            <a:prstGeom prst="line">
              <a:avLst/>
            </a:prstGeom>
            <a:solidFill>
              <a:schemeClr val="tx1">
                <a:lumMod val="85000"/>
                <a:lumOff val="15000"/>
              </a:schemeClr>
            </a:solidFill>
            <a:ln>
              <a:solidFill>
                <a:schemeClr val="tx1"/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/>
            <p:cNvCxnSpPr/>
            <p:nvPr/>
          </p:nvCxnSpPr>
          <p:spPr>
            <a:xfrm>
              <a:off x="6885637" y="1386268"/>
              <a:ext cx="0" cy="640080"/>
            </a:xfrm>
            <a:prstGeom prst="line">
              <a:avLst/>
            </a:prstGeom>
            <a:solidFill>
              <a:schemeClr val="tx1">
                <a:lumMod val="85000"/>
                <a:lumOff val="15000"/>
              </a:schemeClr>
            </a:solidFill>
            <a:ln>
              <a:solidFill>
                <a:schemeClr val="tx1"/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4" name="Straight Connector 33"/>
            <p:cNvCxnSpPr/>
            <p:nvPr/>
          </p:nvCxnSpPr>
          <p:spPr>
            <a:xfrm>
              <a:off x="5318306" y="2031563"/>
              <a:ext cx="1567331" cy="0"/>
            </a:xfrm>
            <a:prstGeom prst="line">
              <a:avLst/>
            </a:prstGeom>
            <a:solidFill>
              <a:schemeClr val="tx1">
                <a:lumMod val="85000"/>
                <a:lumOff val="15000"/>
              </a:schemeClr>
            </a:solidFill>
            <a:ln>
              <a:solidFill>
                <a:schemeClr val="tx1"/>
              </a:solidFill>
              <a:miter lim="800000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563623" y="2094309"/>
            <a:ext cx="9070848" cy="2587752"/>
          </a:xfrm>
        </p:spPr>
        <p:txBody>
          <a:bodyPr anchor="ctr">
            <a:noAutofit/>
          </a:bodyPr>
          <a:lstStyle>
            <a:lvl1pPr algn="ctr">
              <a:lnSpc>
                <a:spcPct val="83000"/>
              </a:lnSpc>
              <a:defRPr lang="en-US" sz="7200" kern="1200" cap="all" spc="-100" baseline="0" dirty="0">
                <a:solidFill>
                  <a:schemeClr val="tx1">
                    <a:lumMod val="85000"/>
                    <a:lumOff val="15000"/>
                  </a:schemeClr>
                </a:solidFill>
                <a:effectLst/>
                <a:latin typeface="+mj-lt"/>
                <a:ea typeface="+mn-ea"/>
                <a:cs typeface="+mn-cs"/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563624" y="4682062"/>
            <a:ext cx="9070848" cy="457200"/>
          </a:xfrm>
        </p:spPr>
        <p:txBody>
          <a:bodyPr anchor="t"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effectLst/>
              </a:defRPr>
            </a:lvl1pPr>
            <a:lvl2pPr marL="457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5321808" y="1344502"/>
            <a:ext cx="1554480" cy="530352"/>
          </a:xfrm>
        </p:spPr>
        <p:txBody>
          <a:bodyPr/>
          <a:lstStyle>
            <a:lvl1pPr algn="ctr">
              <a:defRPr lang="en-US" sz="1300" kern="1200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C44961B7-6B89-48AB-966F-622E2788EECC}" type="datetimeFigureOut">
              <a:rPr lang="en-US" dirty="0"/>
              <a:t>5/18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1453553" y="5211060"/>
            <a:ext cx="5907024" cy="228600"/>
          </a:xfrm>
        </p:spPr>
        <p:txBody>
          <a:bodyPr/>
          <a:lstStyle>
            <a:lvl1pPr algn="l">
              <a:defRPr/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604504" y="5211060"/>
            <a:ext cx="2112264" cy="228600"/>
          </a:xfrm>
        </p:spPr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941035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/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066800" y="2103120"/>
            <a:ext cx="4754880" cy="374904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370320" y="2103120"/>
            <a:ext cx="4754880" cy="374904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BD3D6FB-79CC-4683-A046-BBE785BA1BED}" type="datetimeFigureOut">
              <a:rPr lang="en-US" dirty="0"/>
              <a:t>5/18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35503567"/>
      </p:ext>
    </p:extLst>
  </p:cSld>
  <p:clrMapOvr>
    <a:masterClrMapping/>
  </p:clrMapOvr>
  <p:hf hdr="0"/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69848" y="2074334"/>
            <a:ext cx="4754880" cy="640080"/>
          </a:xfrm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900" b="0">
                <a:solidFill>
                  <a:schemeClr val="tx2"/>
                </a:solidFill>
                <a:latin typeface="+mn-lt"/>
              </a:defRPr>
            </a:lvl1pPr>
            <a:lvl2pPr marL="457200" indent="0">
              <a:buNone/>
              <a:defRPr sz="19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1069848" y="2755898"/>
            <a:ext cx="4754880" cy="32004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373368" y="2074334"/>
            <a:ext cx="4754880" cy="640080"/>
          </a:xfrm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900" b="0">
                <a:solidFill>
                  <a:schemeClr val="tx2"/>
                </a:solidFill>
              </a:defRPr>
            </a:lvl1pPr>
            <a:lvl2pPr marL="457200" indent="0">
              <a:buNone/>
              <a:defRPr sz="19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373368" y="2756581"/>
            <a:ext cx="4754880" cy="32004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512B3E8-48F1-4B23-8498-D8A04A81EC9C}" type="datetimeFigureOut">
              <a:rPr lang="en-US" dirty="0"/>
              <a:t>5/18/2024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6982453"/>
      </p:ext>
    </p:extLst>
  </p:cSld>
  <p:clrMapOvr>
    <a:masterClrMapping/>
  </p:clrMapOvr>
  <p:hf hdr="0"/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 dirty="0"/>
              <a:t>Add place via Insert, Header &amp; Footer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25794872"/>
      </p:ext>
    </p:extLst>
  </p:cSld>
  <p:clrMapOvr>
    <a:masterClrMapping/>
  </p:clrMapOvr>
  <p:transition spd="slow">
    <p:push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57002E4-6836-46D1-9DBB-3C27C0DD3A89}" type="datetimeFigureOut">
              <a:rPr lang="en-US" dirty="0"/>
              <a:t>5/18/20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5480311"/>
      </p:ext>
    </p:extLst>
  </p:cSld>
  <p:clrMapOvr>
    <a:masterClrMapping/>
  </p:clrMapOvr>
  <p:hf hdr="0"/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Rectangle 15"/>
          <p:cNvSpPr/>
          <p:nvPr/>
        </p:nvSpPr>
        <p:spPr>
          <a:xfrm>
            <a:off x="245529" y="237744"/>
            <a:ext cx="8531352" cy="638251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15" name="Rectangle 14"/>
          <p:cNvSpPr/>
          <p:nvPr/>
        </p:nvSpPr>
        <p:spPr>
          <a:xfrm>
            <a:off x="9020386" y="237744"/>
            <a:ext cx="2926080" cy="63825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296400" y="607392"/>
            <a:ext cx="2430780" cy="1645920"/>
          </a:xfrm>
        </p:spPr>
        <p:txBody>
          <a:bodyPr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US" sz="2800" b="0" kern="1200" cap="none" spc="0" baseline="0" dirty="0">
                <a:solidFill>
                  <a:srgbClr val="FFFFFF"/>
                </a:solidFill>
                <a:effectLst/>
                <a:latin typeface="+mj-lt"/>
                <a:ea typeface="+mn-ea"/>
                <a:cs typeface="+mn-cs"/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85800" y="609600"/>
            <a:ext cx="7772400" cy="5334000"/>
          </a:xfrm>
        </p:spPr>
        <p:txBody>
          <a:bodyPr/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296400" y="2286000"/>
            <a:ext cx="2430780" cy="3505200"/>
          </a:xfrm>
        </p:spPr>
        <p:txBody>
          <a:bodyPr>
            <a:normAutofit/>
          </a:bodyPr>
          <a:lstStyle>
            <a:lvl1pPr marL="0" indent="0">
              <a:lnSpc>
                <a:spcPct val="110000"/>
              </a:lnSpc>
              <a:spcBef>
                <a:spcPts val="800"/>
              </a:spcBef>
              <a:buNone/>
              <a:defRPr sz="1400">
                <a:solidFill>
                  <a:srgbClr val="FFFFFF"/>
                </a:solidFill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Date Placeholder 7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CF131DD-A141-4471-BCF9-C6073EDD7E20}" type="datetimeFigureOut">
              <a:rPr lang="en-US" dirty="0"/>
              <a:t>5/18/2024</a:t>
            </a:fld>
            <a:endParaRPr lang="en-US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 algn="r">
              <a:defRPr/>
            </a:lvl1pPr>
          </a:lstStyle>
          <a:p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2"/>
          </p:nvPr>
        </p:nvSpPr>
        <p:spPr>
          <a:xfrm>
            <a:off x="10393677" y="6223002"/>
            <a:ext cx="1463040" cy="274320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Rectangle 11"/>
          <p:cNvSpPr/>
          <p:nvPr/>
        </p:nvSpPr>
        <p:spPr>
          <a:xfrm>
            <a:off x="9157546" y="374904"/>
            <a:ext cx="2651760" cy="6108192"/>
          </a:xfrm>
          <a:prstGeom prst="rect">
            <a:avLst/>
          </a:prstGeom>
          <a:noFill/>
          <a:ln w="6350" cap="sq">
            <a:solidFill>
              <a:srgbClr val="FFFFFF"/>
            </a:solidFill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</p:spTree>
    <p:extLst>
      <p:ext uri="{BB962C8B-B14F-4D97-AF65-F5344CB8AC3E}">
        <p14:creationId xmlns:p14="http://schemas.microsoft.com/office/powerpoint/2010/main" val="4091266242"/>
      </p:ext>
    </p:extLst>
  </p:cSld>
  <p:clrMapOvr>
    <a:masterClrMapping/>
  </p:clrMapOvr>
  <p:hf hdr="0"/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 13"/>
          <p:cNvSpPr/>
          <p:nvPr/>
        </p:nvSpPr>
        <p:spPr>
          <a:xfrm>
            <a:off x="9020386" y="237744"/>
            <a:ext cx="2926080" cy="638251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296400" y="603504"/>
            <a:ext cx="2432304" cy="1645920"/>
          </a:xfrm>
        </p:spPr>
        <p:txBody>
          <a:bodyPr anchor="b">
            <a:noAutofit/>
          </a:bodyPr>
          <a:lstStyle>
            <a:lvl1pPr algn="l">
              <a:defRPr sz="2800" b="0">
                <a:solidFill>
                  <a:srgbClr val="FFFFFF"/>
                </a:solidFill>
                <a:latin typeface="+mj-lt"/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228599" y="237744"/>
            <a:ext cx="8531352" cy="6382512"/>
          </a:xfrm>
          <a:solidFill>
            <a:schemeClr val="accent1">
              <a:lumMod val="60000"/>
              <a:lumOff val="40000"/>
            </a:schemeClr>
          </a:solidFill>
          <a:ln>
            <a:noFill/>
          </a:ln>
        </p:spPr>
        <p:txBody>
          <a:bodyPr anchor="t"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296400" y="2286000"/>
            <a:ext cx="2432304" cy="3502152"/>
          </a:xfrm>
        </p:spPr>
        <p:txBody>
          <a:bodyPr>
            <a:normAutofit/>
          </a:bodyPr>
          <a:lstStyle>
            <a:lvl1pPr marL="0" indent="0" algn="l">
              <a:lnSpc>
                <a:spcPct val="110000"/>
              </a:lnSpc>
              <a:spcBef>
                <a:spcPts val="800"/>
              </a:spcBef>
              <a:buNone/>
              <a:defRPr sz="1400">
                <a:solidFill>
                  <a:srgbClr val="FFFFFF"/>
                </a:solidFill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FFFFFF"/>
                </a:solidFill>
                <a:effectLst>
                  <a:outerShdw blurRad="12700" dist="6350" dir="2700000" algn="tl" rotWithShape="0">
                    <a:prstClr val="black">
                      <a:alpha val="40000"/>
                    </a:prstClr>
                  </a:outerShdw>
                </a:effectLst>
              </a:defRPr>
            </a:lvl1pPr>
          </a:lstStyle>
          <a:p>
            <a:fld id="{AB334A90-EB03-42F3-8859-2C2B2724C058}" type="datetimeFigureOut">
              <a:rPr lang="en-US" dirty="0"/>
              <a:t>5/18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 marL="0" algn="r" defTabSz="914400" rtl="0" eaLnBrk="1" latinLnBrk="0" hangingPunct="1">
              <a:defRPr lang="en-US" sz="1000" kern="1200" dirty="0">
                <a:solidFill>
                  <a:srgbClr val="FFFFFF"/>
                </a:solidFill>
                <a:effectLst>
                  <a:outerShdw blurRad="12700" dist="6350" dir="2700000" algn="tl" rotWithShape="0">
                    <a:prstClr val="black">
                      <a:alpha val="40000"/>
                    </a:prstClr>
                  </a:outerShdw>
                </a:effectLst>
                <a:latin typeface="+mn-lt"/>
                <a:ea typeface="+mn-ea"/>
                <a:cs typeface="+mn-cs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>
          <a:xfrm>
            <a:off x="10396728" y="6227064"/>
            <a:ext cx="1463040" cy="274320"/>
          </a:xfrm>
        </p:spPr>
        <p:txBody>
          <a:bodyPr/>
          <a:lstStyle>
            <a:lvl1pPr>
              <a:defRPr>
                <a:solidFill>
                  <a:srgbClr val="FFFFFF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Rectangle 9"/>
          <p:cNvSpPr/>
          <p:nvPr/>
        </p:nvSpPr>
        <p:spPr>
          <a:xfrm>
            <a:off x="9157546" y="374904"/>
            <a:ext cx="2651760" cy="6108192"/>
          </a:xfrm>
          <a:prstGeom prst="rect">
            <a:avLst/>
          </a:prstGeom>
          <a:noFill/>
          <a:ln w="6350" cap="sq">
            <a:solidFill>
              <a:srgbClr val="FFFFFF"/>
            </a:solidFill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</p:spTree>
    <p:extLst>
      <p:ext uri="{BB962C8B-B14F-4D97-AF65-F5344CB8AC3E}">
        <p14:creationId xmlns:p14="http://schemas.microsoft.com/office/powerpoint/2010/main" val="3263026896"/>
      </p:ext>
    </p:extLst>
  </p:cSld>
  <p:clrMapOvr>
    <a:masterClrMapping/>
  </p:clrMapOvr>
  <p:hf hdr="0"/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11A6AA8-A04B-4104-9AE2-BD48D340E27F}" type="datetimeFigureOut">
              <a:rPr lang="en-US" dirty="0"/>
              <a:t>5/18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81489190"/>
      </p:ext>
    </p:extLst>
  </p:cSld>
  <p:clrMapOvr>
    <a:masterClrMapping/>
  </p:clrMapOvr>
  <p:hf hd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431A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553E7A06-E9BE-B92A-AF3C-7AB03727E26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48811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991600" y="762000"/>
            <a:ext cx="2362200" cy="5257800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838200" y="762000"/>
            <a:ext cx="8077200" cy="525780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4E0BF79-FAC6-4A96-8DE1-F7B82E2E1652}" type="datetimeFigureOut">
              <a:rPr lang="en-US" dirty="0"/>
              <a:t>5/18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2580345"/>
      </p:ext>
    </p:extLst>
  </p:cSld>
  <p:clrMapOvr>
    <a:masterClrMapping/>
  </p:clrMapOvr>
  <p:hf hdr="0"/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39750" y="491006"/>
            <a:ext cx="11109324" cy="393249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GB" noProof="0"/>
          </a:p>
        </p:txBody>
      </p:sp>
      <p:sp>
        <p:nvSpPr>
          <p:cNvPr id="10" name="Subtitle 2"/>
          <p:cNvSpPr>
            <a:spLocks noGrp="1"/>
          </p:cNvSpPr>
          <p:nvPr>
            <p:ph type="subTitle" idx="13"/>
          </p:nvPr>
        </p:nvSpPr>
        <p:spPr>
          <a:xfrm>
            <a:off x="539749" y="876732"/>
            <a:ext cx="11109325" cy="39240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accent2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/>
              <a:t>Click to edit Master sub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/>
          <a:p>
            <a:pPr lvl="0"/>
            <a:r>
              <a:rPr lang="en-GB" noProof="0"/>
              <a:t>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9674415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4B87E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AC6FF088-8F53-D367-9F6D-5DB2E96BB18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2048646"/>
      </p:ext>
    </p:extLst>
  </p:cSld>
  <p:clrMapOvr>
    <a:masterClrMapping/>
  </p:clrMapOvr>
  <p:transition spd="slow">
    <p:push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71500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10D1E87-E4AD-C58B-DB51-B831BAC9D0D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2536116"/>
      </p:ext>
    </p:extLst>
  </p:cSld>
  <p:clrMapOvr>
    <a:masterClrMapping/>
  </p:clrMapOvr>
  <p:transition spd="slow">
    <p:push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righ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8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577759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lef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112000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18 May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7278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7.xml"/><Relationship Id="rId13" Type="http://schemas.openxmlformats.org/officeDocument/2006/relationships/theme" Target="../theme/theme2.xml"/><Relationship Id="rId3" Type="http://schemas.openxmlformats.org/officeDocument/2006/relationships/slideLayout" Target="../slideLayouts/slideLayout42.xml"/><Relationship Id="rId7" Type="http://schemas.openxmlformats.org/officeDocument/2006/relationships/slideLayout" Target="../slideLayouts/slideLayout46.xml"/><Relationship Id="rId12" Type="http://schemas.openxmlformats.org/officeDocument/2006/relationships/slideLayout" Target="../slideLayouts/slideLayout51.xml"/><Relationship Id="rId2" Type="http://schemas.openxmlformats.org/officeDocument/2006/relationships/slideLayout" Target="../slideLayouts/slideLayout41.xml"/><Relationship Id="rId1" Type="http://schemas.openxmlformats.org/officeDocument/2006/relationships/slideLayout" Target="../slideLayouts/slideLayout40.xml"/><Relationship Id="rId6" Type="http://schemas.openxmlformats.org/officeDocument/2006/relationships/slideLayout" Target="../slideLayouts/slideLayout45.xml"/><Relationship Id="rId11" Type="http://schemas.openxmlformats.org/officeDocument/2006/relationships/slideLayout" Target="../slideLayouts/slideLayout50.xml"/><Relationship Id="rId5" Type="http://schemas.openxmlformats.org/officeDocument/2006/relationships/slideLayout" Target="../slideLayouts/slideLayout44.xml"/><Relationship Id="rId10" Type="http://schemas.openxmlformats.org/officeDocument/2006/relationships/slideLayout" Target="../slideLayouts/slideLayout49.xml"/><Relationship Id="rId4" Type="http://schemas.openxmlformats.org/officeDocument/2006/relationships/slideLayout" Target="../slideLayouts/slideLayout43.xml"/><Relationship Id="rId9" Type="http://schemas.openxmlformats.org/officeDocument/2006/relationships/slideLayout" Target="../slideLayouts/slideLayout4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016000" y="571501"/>
            <a:ext cx="10160000" cy="571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16000" y="1714499"/>
            <a:ext cx="10160000" cy="40005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, </a:t>
            </a:r>
            <a:r>
              <a:rPr lang="en-US" dirty="0"/>
              <a:t>Header Arial Bold 14</a:t>
            </a:r>
            <a:endParaRPr lang="en-US" noProof="0" dirty="0"/>
          </a:p>
          <a:p>
            <a:pPr lvl="4"/>
            <a:r>
              <a:rPr lang="en-US" noProof="0" dirty="0"/>
              <a:t>Fifth level, </a:t>
            </a:r>
            <a:r>
              <a:rPr lang="en-US" dirty="0"/>
              <a:t>Body Arial 14</a:t>
            </a:r>
            <a:endParaRPr lang="en-US" noProof="0" dirty="0"/>
          </a:p>
          <a:p>
            <a:pPr lvl="5"/>
            <a:r>
              <a:rPr lang="en-US" dirty="0"/>
              <a:t>6 Level, Small Bullet Arial 11</a:t>
            </a:r>
            <a:endParaRPr lang="en-US" noProof="0" dirty="0"/>
          </a:p>
          <a:p>
            <a:pPr lvl="6"/>
            <a:r>
              <a:rPr lang="en-US" noProof="0" dirty="0"/>
              <a:t>7 </a:t>
            </a:r>
            <a:r>
              <a:rPr lang="en-US" dirty="0"/>
              <a:t>Level, Small Header Arial 11</a:t>
            </a:r>
            <a:endParaRPr lang="en-US" noProof="0" dirty="0"/>
          </a:p>
          <a:p>
            <a:pPr lvl="7"/>
            <a:r>
              <a:rPr lang="en-US" noProof="0" dirty="0"/>
              <a:t>8 </a:t>
            </a:r>
            <a:r>
              <a:rPr lang="en-US" dirty="0"/>
              <a:t>Level, Small Body Arial 11</a:t>
            </a:r>
            <a:endParaRPr lang="en-US" noProof="0" dirty="0"/>
          </a:p>
          <a:p>
            <a:pPr lvl="8"/>
            <a:r>
              <a:rPr lang="en-US" noProof="0" dirty="0"/>
              <a:t>9 </a:t>
            </a:r>
            <a:r>
              <a:rPr lang="en-US" dirty="0"/>
              <a:t>Level, Header Arial 28</a:t>
            </a:r>
            <a:endParaRPr lang="en-US" noProof="0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2666F9E-5705-3CCC-1440-4054E7CD9AF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160000" y="6159233"/>
            <a:ext cx="1016000" cy="127266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lnSpc>
                <a:spcPct val="100000"/>
              </a:lnSpc>
              <a:defRPr sz="800">
                <a:solidFill>
                  <a:schemeClr val="tx1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0" r:id="rId1"/>
    <p:sldLayoutId id="2147483751" r:id="rId2"/>
    <p:sldLayoutId id="2147483752" r:id="rId3"/>
    <p:sldLayoutId id="2147483753" r:id="rId4"/>
    <p:sldLayoutId id="2147483741" r:id="rId5"/>
    <p:sldLayoutId id="2147483742" r:id="rId6"/>
    <p:sldLayoutId id="2147483740" r:id="rId7"/>
    <p:sldLayoutId id="2147483756" r:id="rId8"/>
    <p:sldLayoutId id="2147483757" r:id="rId9"/>
    <p:sldLayoutId id="2147483776" r:id="rId10"/>
    <p:sldLayoutId id="2147483777" r:id="rId11"/>
    <p:sldLayoutId id="2147483754" r:id="rId12"/>
    <p:sldLayoutId id="2147483755" r:id="rId13"/>
    <p:sldLayoutId id="2147483758" r:id="rId14"/>
    <p:sldLayoutId id="2147483759" r:id="rId15"/>
    <p:sldLayoutId id="2147483760" r:id="rId16"/>
    <p:sldLayoutId id="2147483721" r:id="rId17"/>
    <p:sldLayoutId id="2147483761" r:id="rId18"/>
    <p:sldLayoutId id="2147483762" r:id="rId19"/>
    <p:sldLayoutId id="2147483763" r:id="rId20"/>
    <p:sldLayoutId id="2147483764" r:id="rId21"/>
    <p:sldLayoutId id="2147483765" r:id="rId22"/>
    <p:sldLayoutId id="2147483766" r:id="rId23"/>
    <p:sldLayoutId id="2147483767" r:id="rId24"/>
    <p:sldLayoutId id="2147483768" r:id="rId25"/>
    <p:sldLayoutId id="2147483771" r:id="rId26"/>
    <p:sldLayoutId id="2147483773" r:id="rId27"/>
    <p:sldLayoutId id="2147483774" r:id="rId28"/>
    <p:sldLayoutId id="2147483772" r:id="rId29"/>
    <p:sldLayoutId id="2147483769" r:id="rId30"/>
    <p:sldLayoutId id="2147483770" r:id="rId31"/>
    <p:sldLayoutId id="2147483654" r:id="rId32"/>
    <p:sldLayoutId id="2147483778" r:id="rId33"/>
    <p:sldLayoutId id="2147483780" r:id="rId34"/>
    <p:sldLayoutId id="2147483781" r:id="rId35"/>
    <p:sldLayoutId id="2147483782" r:id="rId36"/>
    <p:sldLayoutId id="2147483779" r:id="rId37"/>
    <p:sldLayoutId id="2147483775" r:id="rId38"/>
    <p:sldLayoutId id="2147483749" r:id="rId39"/>
  </p:sldLayoutIdLst>
  <p:transition spd="slow">
    <p:push/>
  </p:transition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kern="1200" spc="-18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7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4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" indent="-108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​"/>
        <a:defRPr sz="2800" b="1" kern="1200" spc="-18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 userDrawn="1">
          <p15:clr>
            <a:srgbClr val="F26B43"/>
          </p15:clr>
        </p15:guide>
        <p15:guide id="2" pos="1280" userDrawn="1">
          <p15:clr>
            <a:srgbClr val="A4A3A4"/>
          </p15:clr>
        </p15:guide>
        <p15:guide id="3" orient="horz" pos="360" userDrawn="1">
          <p15:clr>
            <a:srgbClr val="F26B43"/>
          </p15:clr>
        </p15:guide>
        <p15:guide id="4" orient="horz" pos="3960" userDrawn="1">
          <p15:clr>
            <a:srgbClr val="F26B43"/>
          </p15:clr>
        </p15:guide>
        <p15:guide id="5" pos="1920" userDrawn="1">
          <p15:clr>
            <a:srgbClr val="A4A3A4"/>
          </p15:clr>
        </p15:guide>
        <p15:guide id="6" orient="horz" pos="720" userDrawn="1">
          <p15:clr>
            <a:srgbClr val="A4A3A4"/>
          </p15:clr>
        </p15:guide>
        <p15:guide id="7" orient="horz" pos="3600" userDrawn="1">
          <p15:clr>
            <a:srgbClr val="A4A3A4"/>
          </p15:clr>
        </p15:guide>
        <p15:guide id="8" pos="2560" userDrawn="1">
          <p15:clr>
            <a:srgbClr val="A4A3A4"/>
          </p15:clr>
        </p15:guide>
        <p15:guide id="9" orient="horz" pos="1080" userDrawn="1">
          <p15:clr>
            <a:srgbClr val="A4A3A4"/>
          </p15:clr>
        </p15:guide>
        <p15:guide id="10" orient="horz" pos="3240" userDrawn="1">
          <p15:clr>
            <a:srgbClr val="A4A3A4"/>
          </p15:clr>
        </p15:guide>
        <p15:guide id="11" pos="3200" userDrawn="1">
          <p15:clr>
            <a:srgbClr val="A4A3A4"/>
          </p15:clr>
        </p15:guide>
        <p15:guide id="12" orient="horz" pos="1440" userDrawn="1">
          <p15:clr>
            <a:srgbClr val="A4A3A4"/>
          </p15:clr>
        </p15:guide>
        <p15:guide id="13" orient="horz" pos="2880" userDrawn="1">
          <p15:clr>
            <a:srgbClr val="A4A3A4"/>
          </p15:clr>
        </p15:guide>
        <p15:guide id="14" pos="3840" userDrawn="1">
          <p15:clr>
            <a:srgbClr val="A4A3A4"/>
          </p15:clr>
        </p15:guide>
        <p15:guide id="15" orient="horz" pos="1800" userDrawn="1">
          <p15:clr>
            <a:srgbClr val="A4A3A4"/>
          </p15:clr>
        </p15:guide>
        <p15:guide id="16" orient="horz" pos="2520" userDrawn="1">
          <p15:clr>
            <a:srgbClr val="A4A3A4"/>
          </p15:clr>
        </p15:guide>
        <p15:guide id="17" pos="4480" userDrawn="1">
          <p15:clr>
            <a:srgbClr val="A4A3A4"/>
          </p15:clr>
        </p15:guide>
        <p15:guide id="18" orient="horz" pos="2160" userDrawn="1">
          <p15:clr>
            <a:srgbClr val="A4A3A4"/>
          </p15:clr>
        </p15:guide>
        <p15:guide id="19" pos="5120" userDrawn="1">
          <p15:clr>
            <a:srgbClr val="A4A3A4"/>
          </p15:clr>
        </p15:guide>
        <p15:guide id="20" pos="5760" userDrawn="1">
          <p15:clr>
            <a:srgbClr val="A4A3A4"/>
          </p15:clr>
        </p15:guide>
        <p15:guide id="21" pos="6400" userDrawn="1">
          <p15:clr>
            <a:srgbClr val="A4A3A4"/>
          </p15:clr>
        </p15:guide>
        <p15:guide id="22" pos="7040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/>
        </p:nvSpPr>
        <p:spPr>
          <a:xfrm>
            <a:off x="234696" y="237744"/>
            <a:ext cx="11722608" cy="6382512"/>
          </a:xfrm>
          <a:prstGeom prst="rect">
            <a:avLst/>
          </a:prstGeom>
          <a:solidFill>
            <a:schemeClr val="bg2"/>
          </a:solidFill>
          <a:ln w="6350" cap="flat" cmpd="sng" algn="ctr">
            <a:noFill/>
            <a:prstDash val="solid"/>
          </a:ln>
          <a:effectLst>
            <a:softEdge rad="0"/>
          </a:effectLst>
        </p:spPr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066800" y="642594"/>
            <a:ext cx="10058400" cy="1371600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66800" y="2103120"/>
            <a:ext cx="10058400" cy="393192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274320" y="6307672"/>
            <a:ext cx="2743200" cy="27432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</a:lstStyle>
          <a:p>
            <a:fld id="{CBC48EC7-AF6A-48D3-8284-14BACBEBDD84}" type="datetimeFigureOut">
              <a:rPr lang="en-US" dirty="0"/>
              <a:t>5/18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3489960" y="6307672"/>
            <a:ext cx="5212080" cy="27432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10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469880" y="6307672"/>
            <a:ext cx="1463040" cy="27432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051573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4" r:id="rId1"/>
    <p:sldLayoutId id="2147483785" r:id="rId2"/>
    <p:sldLayoutId id="2147483786" r:id="rId3"/>
    <p:sldLayoutId id="214748378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96" r:id="rId12"/>
  </p:sldLayoutIdLst>
  <p:transition spd="slow">
    <p:push/>
  </p:transition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lang="en-US" sz="4800" kern="1200" cap="none" spc="0" baseline="0" dirty="0">
          <a:solidFill>
            <a:schemeClr val="tx1">
              <a:lumMod val="85000"/>
              <a:lumOff val="15000"/>
            </a:schemeClr>
          </a:solidFill>
          <a:effectLst/>
          <a:latin typeface="+mj-lt"/>
          <a:ea typeface="+mn-ea"/>
          <a:cs typeface="+mn-cs"/>
        </a:defRPr>
      </a:lvl1pPr>
    </p:titleStyle>
    <p:bodyStyle>
      <a:lvl1pPr marL="182880" indent="-182880" algn="l" defTabSz="914400" rtl="0" eaLnBrk="1" latinLnBrk="0" hangingPunct="1">
        <a:lnSpc>
          <a:spcPct val="100000"/>
        </a:lnSpc>
        <a:spcBef>
          <a:spcPts val="900"/>
        </a:spcBef>
        <a:spcAft>
          <a:spcPts val="0"/>
        </a:spcAft>
        <a:buClr>
          <a:schemeClr val="tx1">
            <a:lumMod val="85000"/>
            <a:lumOff val="15000"/>
          </a:schemeClr>
        </a:buClr>
        <a:buFont typeface="Garamond" pitchFamily="18" charset="0"/>
        <a:buChar char="◦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indent="-182880" algn="l" defTabSz="914400" rtl="0" eaLnBrk="1" latinLnBrk="0" hangingPunct="1">
        <a:lnSpc>
          <a:spcPct val="100000"/>
        </a:lnSpc>
        <a:spcBef>
          <a:spcPts val="500"/>
        </a:spcBef>
        <a:buClr>
          <a:schemeClr val="tx1">
            <a:lumMod val="85000"/>
            <a:lumOff val="15000"/>
          </a:schemeClr>
        </a:buClr>
        <a:buFont typeface="Garamond" pitchFamily="18" charset="0"/>
        <a:buChar char="◦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731520" indent="-182880" algn="l" defTabSz="914400" rtl="0" eaLnBrk="1" latinLnBrk="0" hangingPunct="1">
        <a:lnSpc>
          <a:spcPct val="100000"/>
        </a:lnSpc>
        <a:spcBef>
          <a:spcPts val="500"/>
        </a:spcBef>
        <a:buClr>
          <a:schemeClr val="tx1">
            <a:lumMod val="85000"/>
            <a:lumOff val="15000"/>
          </a:schemeClr>
        </a:buClr>
        <a:buFont typeface="Garamond" pitchFamily="18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1005840" indent="-182880" algn="l" defTabSz="914400" rtl="0" eaLnBrk="1" latinLnBrk="0" hangingPunct="1">
        <a:lnSpc>
          <a:spcPct val="100000"/>
        </a:lnSpc>
        <a:spcBef>
          <a:spcPts val="500"/>
        </a:spcBef>
        <a:buClr>
          <a:schemeClr val="tx1">
            <a:lumMod val="85000"/>
            <a:lumOff val="15000"/>
          </a:schemeClr>
        </a:buClr>
        <a:buFont typeface="Garamond" pitchFamily="18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280160" indent="-182880" algn="l" defTabSz="914400" rtl="0" eaLnBrk="1" latinLnBrk="0" hangingPunct="1">
        <a:lnSpc>
          <a:spcPct val="100000"/>
        </a:lnSpc>
        <a:spcBef>
          <a:spcPts val="500"/>
        </a:spcBef>
        <a:buClr>
          <a:schemeClr val="tx1">
            <a:lumMod val="85000"/>
            <a:lumOff val="15000"/>
          </a:schemeClr>
        </a:buClr>
        <a:buFont typeface="Garamond" pitchFamily="18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600000" indent="-228600" algn="l" defTabSz="914400" rtl="0" eaLnBrk="1" latinLnBrk="0" hangingPunct="1">
        <a:lnSpc>
          <a:spcPct val="100000"/>
        </a:lnSpc>
        <a:spcBef>
          <a:spcPts val="500"/>
        </a:spcBef>
        <a:buClr>
          <a:schemeClr val="tx1">
            <a:lumMod val="85000"/>
            <a:lumOff val="15000"/>
          </a:schemeClr>
        </a:buClr>
        <a:buFont typeface="Garamond" pitchFamily="18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900000" indent="-228600" algn="l" defTabSz="914400" rtl="0" eaLnBrk="1" latinLnBrk="0" hangingPunct="1">
        <a:lnSpc>
          <a:spcPct val="100000"/>
        </a:lnSpc>
        <a:spcBef>
          <a:spcPts val="500"/>
        </a:spcBef>
        <a:buClr>
          <a:schemeClr val="tx1">
            <a:lumMod val="85000"/>
            <a:lumOff val="15000"/>
          </a:schemeClr>
        </a:buClr>
        <a:buFont typeface="Garamond" pitchFamily="18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2200000" indent="-228600" algn="l" defTabSz="914400" rtl="0" eaLnBrk="1" latinLnBrk="0" hangingPunct="1">
        <a:lnSpc>
          <a:spcPct val="100000"/>
        </a:lnSpc>
        <a:spcBef>
          <a:spcPts val="500"/>
        </a:spcBef>
        <a:buClr>
          <a:schemeClr val="tx1">
            <a:lumMod val="85000"/>
            <a:lumOff val="15000"/>
          </a:schemeClr>
        </a:buClr>
        <a:buFont typeface="Garamond" pitchFamily="18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2500000" indent="-228600" algn="l" defTabSz="914400" rtl="0" eaLnBrk="1" latinLnBrk="0" hangingPunct="1">
        <a:lnSpc>
          <a:spcPct val="100000"/>
        </a:lnSpc>
        <a:spcBef>
          <a:spcPts val="500"/>
        </a:spcBef>
        <a:buClr>
          <a:schemeClr val="tx1">
            <a:lumMod val="85000"/>
            <a:lumOff val="15000"/>
          </a:schemeClr>
        </a:buClr>
        <a:buFont typeface="Garamond" pitchFamily="18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>
          <p15:clr>
            <a:srgbClr val="F26B43"/>
          </p15:clr>
        </p15:guide>
        <p15:guide id="2" pos="1280">
          <p15:clr>
            <a:srgbClr val="A4A3A4"/>
          </p15:clr>
        </p15:guide>
        <p15:guide id="3" orient="horz" pos="360">
          <p15:clr>
            <a:srgbClr val="F26B43"/>
          </p15:clr>
        </p15:guide>
        <p15:guide id="4" orient="horz" pos="3960">
          <p15:clr>
            <a:srgbClr val="F26B43"/>
          </p15:clr>
        </p15:guide>
        <p15:guide id="5" pos="1920">
          <p15:clr>
            <a:srgbClr val="A4A3A4"/>
          </p15:clr>
        </p15:guide>
        <p15:guide id="6" orient="horz" pos="720">
          <p15:clr>
            <a:srgbClr val="A4A3A4"/>
          </p15:clr>
        </p15:guide>
        <p15:guide id="7" orient="horz" pos="3600">
          <p15:clr>
            <a:srgbClr val="A4A3A4"/>
          </p15:clr>
        </p15:guide>
        <p15:guide id="8" pos="2560">
          <p15:clr>
            <a:srgbClr val="A4A3A4"/>
          </p15:clr>
        </p15:guide>
        <p15:guide id="9" orient="horz" pos="1080">
          <p15:clr>
            <a:srgbClr val="A4A3A4"/>
          </p15:clr>
        </p15:guide>
        <p15:guide id="10" orient="horz" pos="3240">
          <p15:clr>
            <a:srgbClr val="A4A3A4"/>
          </p15:clr>
        </p15:guide>
        <p15:guide id="11" pos="3200">
          <p15:clr>
            <a:srgbClr val="A4A3A4"/>
          </p15:clr>
        </p15:guide>
        <p15:guide id="12" orient="horz" pos="1440">
          <p15:clr>
            <a:srgbClr val="A4A3A4"/>
          </p15:clr>
        </p15:guide>
        <p15:guide id="13" orient="horz" pos="2880">
          <p15:clr>
            <a:srgbClr val="A4A3A4"/>
          </p15:clr>
        </p15:guide>
        <p15:guide id="14" pos="3840">
          <p15:clr>
            <a:srgbClr val="A4A3A4"/>
          </p15:clr>
        </p15:guide>
        <p15:guide id="15" orient="horz" pos="1800">
          <p15:clr>
            <a:srgbClr val="A4A3A4"/>
          </p15:clr>
        </p15:guide>
        <p15:guide id="16" orient="horz" pos="2520">
          <p15:clr>
            <a:srgbClr val="A4A3A4"/>
          </p15:clr>
        </p15:guide>
        <p15:guide id="17" pos="4480">
          <p15:clr>
            <a:srgbClr val="A4A3A4"/>
          </p15:clr>
        </p15:guide>
        <p15:guide id="18" orient="horz" pos="2160">
          <p15:clr>
            <a:srgbClr val="A4A3A4"/>
          </p15:clr>
        </p15:guide>
        <p15:guide id="19" pos="5120">
          <p15:clr>
            <a:srgbClr val="A4A3A4"/>
          </p15:clr>
        </p15:guide>
        <p15:guide id="20" pos="5760">
          <p15:clr>
            <a:srgbClr val="A4A3A4"/>
          </p15:clr>
        </p15:guide>
        <p15:guide id="21" pos="6400">
          <p15:clr>
            <a:srgbClr val="A4A3A4"/>
          </p15:clr>
        </p15:guide>
        <p15:guide id="22" pos="7040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51.xml"/><Relationship Id="rId6" Type="http://schemas.openxmlformats.org/officeDocument/2006/relationships/diagramColors" Target="../diagrams/colors1.xml"/><Relationship Id="rId5" Type="http://schemas.openxmlformats.org/officeDocument/2006/relationships/diagramQuickStyle" Target="../diagrams/quickStyle1.xml"/><Relationship Id="rId4" Type="http://schemas.openxmlformats.org/officeDocument/2006/relationships/diagramLayout" Target="../diagrams/layout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chart" Target="../charts/chart1.xml"/><Relationship Id="rId3" Type="http://schemas.openxmlformats.org/officeDocument/2006/relationships/diagramData" Target="../diagrams/data2.xml"/><Relationship Id="rId7" Type="http://schemas.microsoft.com/office/2007/relationships/diagramDrawing" Target="../diagrams/drawing2.xm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51.xml"/><Relationship Id="rId6" Type="http://schemas.openxmlformats.org/officeDocument/2006/relationships/diagramColors" Target="../diagrams/colors2.xml"/><Relationship Id="rId5" Type="http://schemas.openxmlformats.org/officeDocument/2006/relationships/diagramQuickStyle" Target="../diagrams/quickStyle2.xml"/><Relationship Id="rId4" Type="http://schemas.openxmlformats.org/officeDocument/2006/relationships/diagramLayout" Target="../diagrams/layout2.xml"/><Relationship Id="rId9" Type="http://schemas.openxmlformats.org/officeDocument/2006/relationships/chart" Target="../charts/char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D9337E7E-3E38-8280-CB59-E6C669CA8AA3}"/>
              </a:ext>
            </a:extLst>
          </p:cNvPr>
          <p:cNvSpPr/>
          <p:nvPr/>
        </p:nvSpPr>
        <p:spPr>
          <a:xfrm>
            <a:off x="1" y="-1"/>
            <a:ext cx="12191999" cy="1095153"/>
          </a:xfrm>
          <a:prstGeom prst="rect">
            <a:avLst/>
          </a:prstGeom>
          <a:solidFill>
            <a:schemeClr val="tx2"/>
          </a:solidFill>
          <a:ln>
            <a:noFill/>
          </a:ln>
          <a:scene3d>
            <a:camera prst="orthographicFront"/>
            <a:lightRig rig="threePt" dir="t"/>
          </a:scene3d>
          <a:sp3d>
            <a:bevelT w="152400" h="50800" prst="softRound"/>
          </a:sp3d>
        </p:spPr>
        <p:txBody>
          <a:bodyPr rtlCol="0" anchor="ctr"/>
          <a:lstStyle/>
          <a:p>
            <a:pPr algn="ctr"/>
            <a:endParaRPr lang="en-ZA" sz="1500" noProof="0" dirty="0">
              <a:solidFill>
                <a:schemeClr val="bg1"/>
              </a:solidFill>
            </a:endParaRP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39278C50-7E4E-F71D-2F80-75A4E189CA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9760" y="235283"/>
            <a:ext cx="11109324" cy="392400"/>
          </a:xfrm>
        </p:spPr>
        <p:txBody>
          <a:bodyPr>
            <a:noAutofit/>
          </a:bodyPr>
          <a:lstStyle/>
          <a:p>
            <a:r>
              <a:rPr lang="en-GB" sz="32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 Imputation Testing – K- Nearest Neighbour </a:t>
            </a:r>
          </a:p>
        </p:txBody>
      </p: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2EB26EE9-59CD-EF78-F862-9F39944F1D05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767648896"/>
              </p:ext>
            </p:extLst>
          </p:nvPr>
        </p:nvGraphicFramePr>
        <p:xfrm>
          <a:off x="462916" y="1641187"/>
          <a:ext cx="5400000" cy="43200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pic>
        <p:nvPicPr>
          <p:cNvPr id="5" name="Picture 4" descr="A graph of a graph with blue and orange lines&#10;&#10;Description automatically generated">
            <a:extLst>
              <a:ext uri="{FF2B5EF4-FFF2-40B4-BE49-F238E27FC236}">
                <a16:creationId xmlns:a16="http://schemas.microsoft.com/office/drawing/2014/main" id="{EC2566B8-7BF5-A611-93F6-B2A1218B37FC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44916" y="1502725"/>
            <a:ext cx="5593436" cy="43356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27687495"/>
      </p:ext>
    </p:extLst>
  </p:cSld>
  <p:clrMapOvr>
    <a:masterClrMapping/>
  </p:clrMapOvr>
  <p:transition spd="slow" advTm="47992">
    <p:push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D9337E7E-3E38-8280-CB59-E6C669CA8AA3}"/>
              </a:ext>
            </a:extLst>
          </p:cNvPr>
          <p:cNvSpPr/>
          <p:nvPr/>
        </p:nvSpPr>
        <p:spPr>
          <a:xfrm>
            <a:off x="1" y="-1"/>
            <a:ext cx="12191999" cy="1095153"/>
          </a:xfrm>
          <a:prstGeom prst="rect">
            <a:avLst/>
          </a:prstGeom>
          <a:solidFill>
            <a:schemeClr val="tx2"/>
          </a:solidFill>
          <a:ln>
            <a:noFill/>
          </a:ln>
          <a:scene3d>
            <a:camera prst="orthographicFront"/>
            <a:lightRig rig="threePt" dir="t"/>
          </a:scene3d>
          <a:sp3d>
            <a:bevelT w="152400" h="50800" prst="softRound"/>
          </a:sp3d>
        </p:spPr>
        <p:txBody>
          <a:bodyPr rtlCol="0" anchor="ctr"/>
          <a:lstStyle/>
          <a:p>
            <a:pPr algn="ctr"/>
            <a:endParaRPr lang="en-ZA" sz="1500" noProof="0" dirty="0">
              <a:solidFill>
                <a:schemeClr val="bg1"/>
              </a:solidFill>
            </a:endParaRP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39278C50-7E4E-F71D-2F80-75A4E189CA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9760" y="235283"/>
            <a:ext cx="11109324" cy="392400"/>
          </a:xfrm>
        </p:spPr>
        <p:txBody>
          <a:bodyPr>
            <a:noAutofit/>
          </a:bodyPr>
          <a:lstStyle/>
          <a:p>
            <a:r>
              <a:rPr lang="en-GB" sz="32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 Imputation Testing – K- Nearest Neighbour </a:t>
            </a:r>
          </a:p>
        </p:txBody>
      </p:sp>
      <p:graphicFrame>
        <p:nvGraphicFramePr>
          <p:cNvPr id="9" name="Diagram 8">
            <a:extLst>
              <a:ext uri="{FF2B5EF4-FFF2-40B4-BE49-F238E27FC236}">
                <a16:creationId xmlns:a16="http://schemas.microsoft.com/office/drawing/2014/main" id="{0D5EE981-3DAA-813F-E05B-F4C545732B5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480051529"/>
              </p:ext>
            </p:extLst>
          </p:nvPr>
        </p:nvGraphicFramePr>
        <p:xfrm>
          <a:off x="462916" y="1641187"/>
          <a:ext cx="4954473" cy="393147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graphicFrame>
        <p:nvGraphicFramePr>
          <p:cNvPr id="2" name="Chart 1">
            <a:extLst>
              <a:ext uri="{FF2B5EF4-FFF2-40B4-BE49-F238E27FC236}">
                <a16:creationId xmlns:a16="http://schemas.microsoft.com/office/drawing/2014/main" id="{44B21085-D9AB-944D-8F3B-444797770AAE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130258330"/>
              </p:ext>
            </p:extLst>
          </p:nvPr>
        </p:nvGraphicFramePr>
        <p:xfrm>
          <a:off x="5862917" y="1095152"/>
          <a:ext cx="5866167" cy="307681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8"/>
          </a:graphicData>
        </a:graphic>
      </p:graphicFrame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9A721C31-4FA1-CB44-AA21-81B2CDDA8B3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209386117"/>
              </p:ext>
            </p:extLst>
          </p:nvPr>
        </p:nvGraphicFramePr>
        <p:xfrm>
          <a:off x="6320420" y="4171963"/>
          <a:ext cx="4954474" cy="245075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9"/>
          </a:graphicData>
        </a:graphic>
      </p:graphicFrame>
    </p:spTree>
    <p:extLst>
      <p:ext uri="{BB962C8B-B14F-4D97-AF65-F5344CB8AC3E}">
        <p14:creationId xmlns:p14="http://schemas.microsoft.com/office/powerpoint/2010/main" val="383403712"/>
      </p:ext>
    </p:extLst>
  </p:cSld>
  <p:clrMapOvr>
    <a:masterClrMapping/>
  </p:clrMapOvr>
  <p:transition spd="slow" advTm="47992">
    <p:push/>
  </p:transition>
</p:sld>
</file>

<file path=ppt/theme/_rels/theme2.xml.rels><?xml version="1.0" encoding="UTF-8" standalone="yes"?>
<Relationships xmlns="http://schemas.openxmlformats.org/package/2006/relationships"><Relationship Id="rId1" Type="http://schemas.openxmlformats.org/officeDocument/2006/relationships/image" Target="../media/image18.jpeg"/></Relationships>
</file>

<file path=ppt/theme/theme1.xml><?xml version="1.0" encoding="utf-8"?>
<a:theme xmlns:a="http://schemas.openxmlformats.org/drawingml/2006/main" name="DSV Templat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rtlCol="0" anchor="ctr"/>
      <a:lstStyle>
        <a:defPPr algn="ctr">
          <a:defRPr sz="1500" noProof="0" dirty="0" err="1" smtClean="0">
            <a:solidFill>
              <a:schemeClr val="bg1"/>
            </a:solidFill>
          </a:defRPr>
        </a:defPPr>
      </a:lstStyle>
    </a:spDef>
    <a:lnDef>
      <a:spPr>
        <a:ln w="3175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500" dirty="0" err="1" smtClean="0"/>
        </a:defPPr>
      </a:lstStyle>
    </a:txDef>
  </a:objectDefaults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Blank.potx" id="{28284086-7A12-4262-9044-C9F8E6DD62E6}" vid="{B3E5F076-49CF-497E-A0C4-B5A6051EFD10}"/>
    </a:ext>
  </a:extLst>
</a:theme>
</file>

<file path=ppt/theme/theme2.xml><?xml version="1.0" encoding="utf-8"?>
<a:theme xmlns:a="http://schemas.openxmlformats.org/drawingml/2006/main" name="Savon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Savon">
      <a:majorFont>
        <a:latin typeface="Century Gothic" panose="020B050202020202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ahoma"/>
        <a:font script="Hebr" typeface="Gisha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entury Gothic" panose="020B050202020202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ahoma"/>
        <a:font script="Hebr" typeface="Gisha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Verdana"/>
        <a:font script="Uigh" typeface="Microsoft Uighur"/>
        <a:font script="Geor" typeface="Sylfaen"/>
      </a:minorFont>
    </a:fontScheme>
    <a:fmtScheme name="Savon">
      <a:fillStyleLst>
        <a:solidFill>
          <a:schemeClr val="phClr"/>
        </a:solidFill>
        <a:gradFill rotWithShape="1">
          <a:gsLst>
            <a:gs pos="0">
              <a:schemeClr val="phClr">
                <a:tint val="60000"/>
                <a:satMod val="105000"/>
                <a:lumMod val="105000"/>
              </a:schemeClr>
            </a:gs>
            <a:gs pos="100000">
              <a:schemeClr val="phClr">
                <a:tint val="65000"/>
                <a:satMod val="100000"/>
                <a:lumMod val="100000"/>
              </a:schemeClr>
            </a:gs>
            <a:gs pos="100000">
              <a:schemeClr val="phClr">
                <a:tint val="70000"/>
                <a:satMod val="100000"/>
                <a:lumMod val="10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0000"/>
                <a:lumMod val="100000"/>
              </a:schemeClr>
            </a:gs>
            <a:gs pos="50000">
              <a:schemeClr val="phClr">
                <a:shade val="99000"/>
                <a:satMod val="105000"/>
                <a:lumMod val="100000"/>
              </a:schemeClr>
            </a:gs>
            <a:gs pos="100000">
              <a:schemeClr val="phClr">
                <a:shade val="98000"/>
                <a:satMod val="105000"/>
                <a:lumMod val="100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</a:ln>
        <a:ln w="127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12700" dir="5400000" algn="ctr" rotWithShape="0">
              <a:srgbClr val="000000">
                <a:alpha val="63000"/>
              </a:srgbClr>
            </a:outerShdw>
          </a:effectLst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  <a:scene3d>
            <a:camera prst="orthographicFront">
              <a:rot lat="0" lon="0" rev="0"/>
            </a:camera>
            <a:lightRig rig="flat" dir="tl">
              <a:rot lat="0" lon="0" rev="4200000"/>
            </a:lightRig>
          </a:scene3d>
          <a:sp3d prstMaterial="flat">
            <a:bevelT w="50800" h="63500" prst="rible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shade val="92000"/>
                <a:satMod val="160000"/>
              </a:schemeClr>
            </a:gs>
            <a:gs pos="77000">
              <a:schemeClr val="phClr">
                <a:tint val="100000"/>
                <a:shade val="73000"/>
                <a:satMod val="155000"/>
              </a:schemeClr>
            </a:gs>
            <a:gs pos="100000">
              <a:schemeClr val="phClr">
                <a:tint val="100000"/>
                <a:shade val="67000"/>
                <a:satMod val="145000"/>
              </a:schemeClr>
            </a:gs>
          </a:gsLst>
          <a:lin ang="5400000" scaled="0"/>
        </a:gradFill>
        <a:blipFill rotWithShape="1">
          <a:blip xmlns:r="http://schemas.openxmlformats.org/officeDocument/2006/relationships" r:embed="rId1">
            <a:duotone>
              <a:schemeClr val="phClr">
                <a:tint val="95000"/>
              </a:schemeClr>
              <a:schemeClr val="phClr">
                <a:shade val="92000"/>
                <a:satMod val="115000"/>
              </a:schemeClr>
            </a:duotone>
          </a:blip>
          <a:tile tx="0" ty="0" sx="60000" sy="60000" flip="none" algn="tl"/>
        </a:blip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Savon" id="{1306E473-ED32-493B-A2D0-240A757EDD34}" vid="{C20BADFE-D095-436F-9677-9264042809F0}"/>
    </a:ext>
  </a:extLst>
</a:theme>
</file>

<file path=ppt/theme/theme3.xml><?xml version="1.0" encoding="utf-8"?>
<a:theme xmlns:a="http://schemas.openxmlformats.org/drawingml/2006/main" name="Office-tema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Template 2024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A03A13C-D5E3-49F8-B37D-AFA024345652}">
  <ds:schemaRefs/>
</ds:datastoreItem>
</file>

<file path=customXml/itemProps2.xml><?xml version="1.0" encoding="utf-8"?>
<ds:datastoreItem xmlns:ds="http://schemas.openxmlformats.org/officeDocument/2006/customXml" ds:itemID="{43877E11-121F-45E2-A0FE-16DFA988BBD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06</Words>
  <Application>Microsoft Office PowerPoint</Application>
  <PresentationFormat>Widescreen</PresentationFormat>
  <Paragraphs>34</Paragraphs>
  <Slides>2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2</vt:i4>
      </vt:variant>
    </vt:vector>
  </HeadingPairs>
  <TitlesOfParts>
    <vt:vector size="7" baseType="lpstr">
      <vt:lpstr>Arial</vt:lpstr>
      <vt:lpstr>Century Gothic</vt:lpstr>
      <vt:lpstr>Garamond</vt:lpstr>
      <vt:lpstr>DSV Template</vt:lpstr>
      <vt:lpstr>Savon</vt:lpstr>
      <vt:lpstr>3. Imputation Testing – K- Nearest Neighbour </vt:lpstr>
      <vt:lpstr>3. Imputation Testing – K- Nearest Neighbour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3-26T05:44:43Z</dcterms:created>
  <dcterms:modified xsi:type="dcterms:W3CDTF">2024-05-18T09:47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2-07T10:44:26</vt:lpwstr>
  </property>
  <property fmtid="{D5CDD505-2E9C-101B-9397-08002B2CF9AE}" pid="3" name="TemplafyTenantId">
    <vt:lpwstr>dsv</vt:lpwstr>
  </property>
  <property fmtid="{D5CDD505-2E9C-101B-9397-08002B2CF9AE}" pid="4" name="TemplafyTemplateId">
    <vt:lpwstr>840468974189936750</vt:lpwstr>
  </property>
  <property fmtid="{D5CDD505-2E9C-101B-9397-08002B2CF9AE}" pid="5" name="TemplafyUserProfileId">
    <vt:lpwstr>637995348054930316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